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6265B3C" w14:textId="77777777" w:rsidR="00F715D6" w:rsidRPr="007C1C13" w:rsidRDefault="4EA1062C" w:rsidP="1134D8C9">
      <w:pPr>
        <w:adjustRightInd w:val="0"/>
        <w:snapToGrid w:val="0"/>
        <w:spacing w:line="500" w:lineRule="exact"/>
        <w:jc w:val="center"/>
        <w:rPr>
          <w:rFonts w:ascii="微軟正黑體" w:eastAsia="微軟正黑體" w:hAnsi="微軟正黑體"/>
          <w:b/>
          <w:bCs/>
          <w:color w:val="76923C" w:themeColor="accent3" w:themeShade="BF"/>
          <w:sz w:val="40"/>
          <w:szCs w:val="40"/>
        </w:rPr>
      </w:pPr>
      <w:r w:rsidRPr="1134D8C9">
        <w:rPr>
          <w:rFonts w:ascii="微軟正黑體" w:eastAsia="微軟正黑體" w:hAnsi="微軟正黑體"/>
          <w:b/>
          <w:bCs/>
          <w:color w:val="76923C"/>
          <w:sz w:val="40"/>
          <w:szCs w:val="40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>20</w:t>
      </w:r>
      <w:r w:rsidR="45016FAA" w:rsidRPr="1134D8C9">
        <w:rPr>
          <w:rFonts w:ascii="微軟正黑體" w:eastAsia="微軟正黑體" w:hAnsi="微軟正黑體"/>
          <w:b/>
          <w:bCs/>
          <w:color w:val="76923C"/>
          <w:sz w:val="40"/>
          <w:szCs w:val="40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>22</w:t>
      </w:r>
      <w:r w:rsidR="35D8A12A" w:rsidRPr="1134D8C9">
        <w:rPr>
          <w:rFonts w:ascii="微軟正黑體" w:eastAsia="微軟正黑體" w:hAnsi="微軟正黑體"/>
          <w:b/>
          <w:bCs/>
          <w:color w:val="76923C"/>
          <w:sz w:val="40"/>
          <w:szCs w:val="40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>長者友善措施致意行動</w:t>
      </w:r>
    </w:p>
    <w:p w14:paraId="005F82C4" w14:textId="60BA3FE1" w:rsidR="1134D8C9" w:rsidRDefault="1134D8C9" w:rsidP="1134D8C9">
      <w:pPr>
        <w:spacing w:line="300" w:lineRule="auto"/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</w:pPr>
    </w:p>
    <w:p w14:paraId="3EE8EBFF" w14:textId="77777777" w:rsidR="00A0224F" w:rsidRPr="008F19D4" w:rsidRDefault="00A0224F" w:rsidP="00A0224F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  <w:szCs w:val="32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32"/>
          <w:szCs w:val="32"/>
        </w:rPr>
        <w:t>背景</w:t>
      </w:r>
    </w:p>
    <w:p w14:paraId="7C53C75F" w14:textId="77777777" w:rsidR="00B91DAC" w:rsidRPr="00524635" w:rsidRDefault="00B91DAC" w:rsidP="0052463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524635">
        <w:rPr>
          <w:rFonts w:ascii="微軟正黑體" w:eastAsia="微軟正黑體" w:hAnsi="微軟正黑體" w:hint="eastAsia"/>
          <w:sz w:val="28"/>
          <w:szCs w:val="28"/>
        </w:rPr>
        <w:t>「香港長者友善社區」源於世界</w:t>
      </w:r>
      <w:r w:rsidR="00341A13" w:rsidRPr="00524635">
        <w:rPr>
          <w:rFonts w:ascii="微軟正黑體" w:eastAsia="微軟正黑體" w:hAnsi="微軟正黑體" w:hint="eastAsia"/>
          <w:sz w:val="28"/>
          <w:szCs w:val="28"/>
        </w:rPr>
        <w:t>衞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生組織於</w:t>
      </w:r>
      <w:r w:rsidR="00F0138A">
        <w:rPr>
          <w:rFonts w:ascii="微軟正黑體" w:eastAsia="微軟正黑體" w:hAnsi="微軟正黑體" w:hint="eastAsia"/>
          <w:sz w:val="28"/>
          <w:szCs w:val="28"/>
        </w:rPr>
        <w:t>2005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年提出「全球長者友善城市建設指南」，並以此作為長期計劃，鼓勵全球各地城市一起參與。</w:t>
      </w:r>
    </w:p>
    <w:p w14:paraId="0A37501D" w14:textId="77777777" w:rsidR="00BB08C2" w:rsidRPr="00524635" w:rsidRDefault="00BB08C2" w:rsidP="00BB08C2">
      <w:pPr>
        <w:widowControl/>
        <w:adjustRightInd w:val="0"/>
        <w:snapToGrid w:val="0"/>
        <w:spacing w:line="320" w:lineRule="exact"/>
        <w:ind w:firstLine="480"/>
        <w:jc w:val="both"/>
        <w:rPr>
          <w:rFonts w:ascii="微軟正黑體" w:eastAsia="微軟正黑體" w:hAnsi="微軟正黑體"/>
          <w:sz w:val="28"/>
          <w:szCs w:val="28"/>
        </w:rPr>
      </w:pPr>
    </w:p>
    <w:p w14:paraId="77AF5B82" w14:textId="77777777" w:rsidR="00B91DAC" w:rsidRDefault="00B91DAC" w:rsidP="0052463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524635">
        <w:rPr>
          <w:rFonts w:ascii="微軟正黑體" w:eastAsia="微軟正黑體" w:hAnsi="微軟正黑體" w:hint="eastAsia"/>
          <w:sz w:val="28"/>
          <w:szCs w:val="28"/>
        </w:rPr>
        <w:t>香港社會服務聯會</w:t>
      </w:r>
      <w:r w:rsidR="00E073C2">
        <w:rPr>
          <w:rFonts w:ascii="微軟正黑體" w:eastAsia="微軟正黑體" w:hAnsi="微軟正黑體" w:hint="eastAsia"/>
          <w:sz w:val="28"/>
          <w:szCs w:val="28"/>
        </w:rPr>
        <w:t>（社聯）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響應有關呼籲，於2009年起與長者服務機構全力策動，在地區層面鼓勵長者積極參與，共建</w:t>
      </w:r>
      <w:r w:rsidR="00113A03" w:rsidRPr="00524635">
        <w:rPr>
          <w:rFonts w:ascii="微軟正黑體" w:eastAsia="微軟正黑體" w:hAnsi="微軟正黑體" w:hint="eastAsia"/>
          <w:sz w:val="28"/>
          <w:szCs w:val="28"/>
        </w:rPr>
        <w:t>長者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友善社區</w:t>
      </w:r>
      <w:r w:rsidR="00BE5A25">
        <w:rPr>
          <w:rFonts w:ascii="微軟正黑體" w:eastAsia="微軟正黑體" w:hAnsi="微軟正黑體" w:hint="eastAsia"/>
          <w:sz w:val="28"/>
          <w:szCs w:val="28"/>
        </w:rPr>
        <w:t>，並在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2010年開始舉辦「長者友善措施致意行動」，</w:t>
      </w:r>
      <w:r w:rsidR="00113A03" w:rsidRPr="00524635">
        <w:rPr>
          <w:rFonts w:ascii="微軟正黑體" w:eastAsia="微軟正黑體" w:hAnsi="微軟正黑體" w:hint="eastAsia"/>
          <w:sz w:val="28"/>
          <w:szCs w:val="28"/>
        </w:rPr>
        <w:t>進一步鼓勵社會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各</w:t>
      </w:r>
      <w:r w:rsidR="00152C00" w:rsidRPr="00524635">
        <w:rPr>
          <w:rFonts w:ascii="微軟正黑體" w:eastAsia="微軟正黑體" w:hAnsi="微軟正黑體" w:hint="eastAsia"/>
          <w:sz w:val="28"/>
          <w:szCs w:val="28"/>
        </w:rPr>
        <w:t>界在推行政策、措施或提供服務和產品時，考慮長者友善的原則，加強市民對長者友善社區的認識。</w:t>
      </w:r>
    </w:p>
    <w:p w14:paraId="5DAB6C7B" w14:textId="77777777" w:rsidR="00C05676" w:rsidRDefault="00C05676" w:rsidP="00113A03">
      <w:pPr>
        <w:adjustRightInd w:val="0"/>
        <w:snapToGrid w:val="0"/>
        <w:spacing w:line="300" w:lineRule="auto"/>
        <w:rPr>
          <w:rFonts w:ascii="微軟正黑體" w:eastAsia="微軟正黑體" w:hAnsi="微軟正黑體"/>
          <w:sz w:val="28"/>
          <w:szCs w:val="28"/>
        </w:rPr>
      </w:pPr>
    </w:p>
    <w:p w14:paraId="7995F0FE" w14:textId="77777777" w:rsidR="00113A03" w:rsidRPr="008F19D4" w:rsidRDefault="00C05676" w:rsidP="00113A03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  <w:r w:rsidRPr="00C05676">
        <w:rPr>
          <w:rFonts w:ascii="微軟正黑體" w:eastAsia="微軟正黑體" w:hAnsi="微軟正黑體" w:hint="eastAsia"/>
          <w:b/>
          <w:color w:val="76923C"/>
          <w:sz w:val="32"/>
        </w:rPr>
        <w:t>參與資格</w:t>
      </w:r>
    </w:p>
    <w:p w14:paraId="245763BE" w14:textId="68331BEE" w:rsidR="00635650" w:rsidRPr="00AE1CF9" w:rsidRDefault="213F978A" w:rsidP="00134564">
      <w:pPr>
        <w:pStyle w:val="ae"/>
        <w:numPr>
          <w:ilvl w:val="0"/>
          <w:numId w:val="23"/>
        </w:numPr>
        <w:spacing w:line="360" w:lineRule="exact"/>
        <w:ind w:left="482" w:hanging="482"/>
        <w:jc w:val="both"/>
        <w:rPr>
          <w:rFonts w:ascii="微軟正黑體" w:eastAsia="微軟正黑體" w:hAnsi="微軟正黑體"/>
          <w:sz w:val="28"/>
          <w:szCs w:val="28"/>
        </w:rPr>
      </w:pPr>
      <w:r w:rsidRPr="5D5FE955">
        <w:rPr>
          <w:rFonts w:ascii="微軟正黑體" w:eastAsia="微軟正黑體" w:hAnsi="微軟正黑體"/>
          <w:sz w:val="28"/>
          <w:szCs w:val="28"/>
        </w:rPr>
        <w:t>政府部門、法定機構</w:t>
      </w:r>
      <w:r w:rsidRPr="5D5FE955">
        <w:rPr>
          <w:rFonts w:ascii="微軟正黑體" w:eastAsia="微軟正黑體" w:hAnsi="微軟正黑體"/>
          <w:noProof/>
          <w:sz w:val="28"/>
          <w:szCs w:val="28"/>
        </w:rPr>
        <w:t>、</w:t>
      </w:r>
      <w:r w:rsidR="7B7C8617" w:rsidRPr="5D5FE955">
        <w:rPr>
          <w:rFonts w:ascii="微軟正黑體" w:eastAsia="微軟正黑體" w:hAnsi="微軟正黑體"/>
          <w:noProof/>
          <w:sz w:val="28"/>
          <w:szCs w:val="28"/>
        </w:rPr>
        <w:t>學校、醫院、專業組織、服務社團、慈善基金會</w:t>
      </w:r>
      <w:r w:rsidR="7B7C8617" w:rsidRPr="5D5FE955">
        <w:rPr>
          <w:rFonts w:ascii="微軟正黑體" w:eastAsia="微軟正黑體" w:hAnsi="微軟正黑體"/>
          <w:sz w:val="28"/>
          <w:szCs w:val="28"/>
        </w:rPr>
        <w:t>、</w:t>
      </w:r>
      <w:r w:rsidR="706A3AEC" w:rsidRPr="5D5FE955">
        <w:rPr>
          <w:rFonts w:ascii="微軟正黑體" w:eastAsia="微軟正黑體" w:hAnsi="微軟正黑體"/>
          <w:sz w:val="28"/>
          <w:szCs w:val="28"/>
        </w:rPr>
        <w:t>商會、</w:t>
      </w:r>
      <w:r w:rsidR="7B7C8617" w:rsidRPr="5D5FE955">
        <w:rPr>
          <w:rFonts w:ascii="微軟正黑體" w:eastAsia="微軟正黑體" w:hAnsi="微軟正黑體"/>
          <w:noProof/>
          <w:color w:val="000000" w:themeColor="text1"/>
          <w:sz w:val="28"/>
          <w:szCs w:val="28"/>
        </w:rPr>
        <w:t>社會企業機構</w:t>
      </w:r>
      <w:r w:rsidR="00907F97" w:rsidRPr="5D5FE955">
        <w:rPr>
          <w:rFonts w:ascii="微軟正黑體" w:eastAsia="微軟正黑體" w:hAnsi="微軟正黑體"/>
          <w:noProof/>
          <w:color w:val="000000" w:themeColor="text1"/>
          <w:sz w:val="28"/>
          <w:szCs w:val="28"/>
        </w:rPr>
        <w:t>，以</w:t>
      </w:r>
      <w:r w:rsidR="706A3AEC" w:rsidRPr="5D5FE955">
        <w:rPr>
          <w:rFonts w:ascii="微軟正黑體" w:eastAsia="微軟正黑體" w:hAnsi="微軟正黑體"/>
          <w:sz w:val="28"/>
          <w:szCs w:val="28"/>
        </w:rPr>
        <w:t>及</w:t>
      </w:r>
      <w:r w:rsidRPr="5D5FE955">
        <w:rPr>
          <w:rFonts w:ascii="微軟正黑體" w:eastAsia="微軟正黑體" w:hAnsi="微軟正黑體"/>
          <w:noProof/>
          <w:sz w:val="28"/>
          <w:szCs w:val="28"/>
        </w:rPr>
        <w:t>於本港營運的商業機構</w:t>
      </w:r>
      <w:r w:rsidR="00907F97" w:rsidRPr="5D5FE955">
        <w:rPr>
          <w:rFonts w:ascii="微軟正黑體" w:eastAsia="微軟正黑體" w:hAnsi="微軟正黑體"/>
          <w:noProof/>
          <w:sz w:val="28"/>
          <w:szCs w:val="28"/>
        </w:rPr>
        <w:t>，其原本的工作、業務或服務範疇並非以長者為主要對象，均可參與</w:t>
      </w:r>
      <w:r w:rsidR="5E8439E3" w:rsidRPr="5D5FE955">
        <w:rPr>
          <w:rFonts w:ascii="微軟正黑體" w:eastAsia="微軟正黑體" w:hAnsi="微軟正黑體"/>
          <w:sz w:val="28"/>
          <w:szCs w:val="28"/>
        </w:rPr>
        <w:t>。</w:t>
      </w:r>
    </w:p>
    <w:p w14:paraId="494DDFF3" w14:textId="5D3359A8" w:rsidR="1134D8C9" w:rsidRDefault="1134D8C9" w:rsidP="1134D8C9">
      <w:pPr>
        <w:pStyle w:val="ae"/>
        <w:numPr>
          <w:ilvl w:val="0"/>
          <w:numId w:val="23"/>
        </w:numPr>
        <w:spacing w:line="360" w:lineRule="exact"/>
        <w:ind w:left="482" w:hanging="482"/>
        <w:jc w:val="both"/>
        <w:rPr>
          <w:rFonts w:ascii="微軟正黑體" w:eastAsia="微軟正黑體" w:hAnsi="微軟正黑體" w:cs="微軟正黑體"/>
          <w:sz w:val="28"/>
          <w:szCs w:val="28"/>
        </w:rPr>
      </w:pPr>
      <w:r w:rsidRPr="5D5FE955">
        <w:rPr>
          <w:rFonts w:ascii="微軟正黑體" w:eastAsia="微軟正黑體" w:hAnsi="微軟正黑體"/>
          <w:sz w:val="28"/>
          <w:szCs w:val="28"/>
        </w:rPr>
        <w:t>參與</w:t>
      </w:r>
      <w:r w:rsidR="00907F97" w:rsidRPr="5D5FE955">
        <w:rPr>
          <w:rFonts w:ascii="微軟正黑體" w:eastAsia="微軟正黑體" w:hAnsi="微軟正黑體"/>
          <w:sz w:val="28"/>
          <w:szCs w:val="28"/>
        </w:rPr>
        <w:t>提名</w:t>
      </w:r>
      <w:r w:rsidRPr="5D5FE955">
        <w:rPr>
          <w:rFonts w:ascii="微軟正黑體" w:eastAsia="微軟正黑體" w:hAnsi="微軟正黑體"/>
          <w:sz w:val="28"/>
          <w:szCs w:val="28"/>
        </w:rPr>
        <w:t>的政策、措施、服務或產品</w:t>
      </w:r>
      <w:r w:rsidR="00907F97" w:rsidRPr="5D5FE955">
        <w:rPr>
          <w:rFonts w:ascii="微軟正黑體" w:eastAsia="微軟正黑體" w:hAnsi="微軟正黑體"/>
          <w:sz w:val="28"/>
          <w:szCs w:val="28"/>
        </w:rPr>
        <w:t>，</w:t>
      </w:r>
      <w:r w:rsidRPr="5D5FE955">
        <w:rPr>
          <w:rFonts w:ascii="微軟正黑體" w:eastAsia="微軟正黑體" w:hAnsi="微軟正黑體"/>
          <w:sz w:val="28"/>
          <w:szCs w:val="28"/>
        </w:rPr>
        <w:t>必須仍然、或曾經在2021年12月1日或之後、推行或提供。</w:t>
      </w:r>
    </w:p>
    <w:p w14:paraId="02EB378F" w14:textId="77777777" w:rsidR="00134564" w:rsidRPr="00134564" w:rsidRDefault="00134564" w:rsidP="00134564">
      <w:pPr>
        <w:pStyle w:val="ae"/>
        <w:spacing w:line="360" w:lineRule="exact"/>
        <w:ind w:left="482"/>
        <w:jc w:val="both"/>
        <w:rPr>
          <w:rFonts w:ascii="微軟正黑體" w:eastAsia="微軟正黑體" w:hAnsi="微軟正黑體"/>
          <w:sz w:val="28"/>
          <w:szCs w:val="28"/>
        </w:rPr>
      </w:pPr>
    </w:p>
    <w:p w14:paraId="49020C18" w14:textId="77777777" w:rsidR="00524635" w:rsidRDefault="00524635" w:rsidP="00524635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32"/>
        </w:rPr>
        <w:t>致意獎項</w:t>
      </w:r>
    </w:p>
    <w:p w14:paraId="66E20C6D" w14:textId="1491D3EF" w:rsidR="00AE1CF9" w:rsidRDefault="7E452E08" w:rsidP="4FFB4693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1134D8C9">
        <w:rPr>
          <w:rFonts w:ascii="微軟正黑體" w:eastAsia="微軟正黑體" w:hAnsi="微軟正黑體"/>
          <w:sz w:val="28"/>
          <w:szCs w:val="28"/>
        </w:rPr>
        <w:t>參與</w:t>
      </w:r>
      <w:r w:rsidR="0F9BED13" w:rsidRPr="1134D8C9">
        <w:rPr>
          <w:rFonts w:ascii="微軟正黑體" w:eastAsia="微軟正黑體" w:hAnsi="微軟正黑體"/>
          <w:sz w:val="28"/>
          <w:szCs w:val="28"/>
        </w:rPr>
        <w:t>機構</w:t>
      </w:r>
      <w:r w:rsidR="2A67D93A" w:rsidRPr="1134D8C9">
        <w:rPr>
          <w:rFonts w:ascii="微軟正黑體" w:eastAsia="微軟正黑體" w:hAnsi="微軟正黑體"/>
          <w:sz w:val="28"/>
          <w:szCs w:val="28"/>
        </w:rPr>
        <w:t>的</w:t>
      </w:r>
      <w:r w:rsidR="0F9BED13" w:rsidRPr="1134D8C9">
        <w:rPr>
          <w:rFonts w:ascii="微軟正黑體" w:eastAsia="微軟正黑體" w:hAnsi="微軟正黑體"/>
          <w:sz w:val="28"/>
          <w:szCs w:val="28"/>
        </w:rPr>
        <w:t>長者友善</w:t>
      </w:r>
      <w:r w:rsidR="0F9BED13" w:rsidRPr="1134D8C9">
        <w:rPr>
          <w:rFonts w:ascii="微軟正黑體" w:eastAsia="微軟正黑體" w:hAnsi="微軟正黑體"/>
          <w:b/>
          <w:bCs/>
          <w:sz w:val="28"/>
          <w:szCs w:val="28"/>
        </w:rPr>
        <w:t>政策、措施、服務或產品</w:t>
      </w:r>
      <w:r w:rsidR="3B224FF5" w:rsidRPr="1134D8C9">
        <w:rPr>
          <w:rFonts w:ascii="微軟正黑體" w:eastAsia="微軟正黑體" w:hAnsi="微軟正黑體"/>
          <w:sz w:val="28"/>
          <w:szCs w:val="28"/>
        </w:rPr>
        <w:t>必須</w:t>
      </w:r>
      <w:r w:rsidR="0F9BED13" w:rsidRPr="1134D8C9">
        <w:rPr>
          <w:rFonts w:ascii="微軟正黑體" w:eastAsia="微軟正黑體" w:hAnsi="微軟正黑體"/>
          <w:sz w:val="28"/>
          <w:szCs w:val="28"/>
        </w:rPr>
        <w:t>符合世界衞生組織倡議的「長者友善」範疇原則，</w:t>
      </w:r>
      <w:r w:rsidR="2A67D93A" w:rsidRPr="1134D8C9">
        <w:rPr>
          <w:rFonts w:ascii="微軟正黑體" w:eastAsia="微軟正黑體" w:hAnsi="微軟正黑體"/>
          <w:sz w:val="28"/>
          <w:szCs w:val="28"/>
        </w:rPr>
        <w:t>並</w:t>
      </w:r>
      <w:r w:rsidR="0F9BED13" w:rsidRPr="1134D8C9">
        <w:rPr>
          <w:rFonts w:ascii="微軟正黑體" w:eastAsia="微軟正黑體" w:hAnsi="微軟正黑體"/>
          <w:sz w:val="28"/>
          <w:szCs w:val="28"/>
        </w:rPr>
        <w:t>獲得</w:t>
      </w:r>
      <w:r w:rsidRPr="1134D8C9">
        <w:rPr>
          <w:rFonts w:ascii="微軟正黑體" w:eastAsia="微軟正黑體" w:hAnsi="微軟正黑體"/>
          <w:sz w:val="28"/>
          <w:szCs w:val="28"/>
        </w:rPr>
        <w:t>長者服務單位</w:t>
      </w:r>
      <w:r w:rsidR="58EE43CD" w:rsidRPr="1134D8C9">
        <w:rPr>
          <w:rFonts w:ascii="微軟正黑體" w:eastAsia="微軟正黑體" w:hAnsi="微軟正黑體"/>
          <w:sz w:val="28"/>
          <w:szCs w:val="28"/>
        </w:rPr>
        <w:t>的推薦，</w:t>
      </w:r>
      <w:r w:rsidR="7AE0139A" w:rsidRPr="1134D8C9">
        <w:rPr>
          <w:rFonts w:ascii="微軟正黑體" w:eastAsia="微軟正黑體" w:hAnsi="微軟正黑體"/>
          <w:sz w:val="28"/>
          <w:szCs w:val="28"/>
        </w:rPr>
        <w:t>機構亦須要</w:t>
      </w:r>
      <w:r w:rsidR="0F9BED13" w:rsidRPr="1134D8C9">
        <w:rPr>
          <w:rFonts w:ascii="微軟正黑體" w:eastAsia="微軟正黑體" w:hAnsi="微軟正黑體"/>
          <w:sz w:val="28"/>
          <w:szCs w:val="28"/>
        </w:rPr>
        <w:t>承諾持續提供</w:t>
      </w:r>
      <w:r w:rsidR="003E6451" w:rsidRPr="1134D8C9">
        <w:rPr>
          <w:rFonts w:ascii="微軟正黑體" w:eastAsia="微軟正黑體" w:hAnsi="微軟正黑體"/>
          <w:sz w:val="28"/>
          <w:szCs w:val="28"/>
        </w:rPr>
        <w:t>符合世界衞生組織倡議的「長者友善」範疇原則的政策、措施、服務或產品。</w:t>
      </w:r>
      <w:r w:rsidR="4464D7D8" w:rsidRPr="1134D8C9">
        <w:rPr>
          <w:rFonts w:ascii="微軟正黑體" w:eastAsia="微軟正黑體" w:hAnsi="微軟正黑體"/>
          <w:sz w:val="28"/>
          <w:szCs w:val="28"/>
        </w:rPr>
        <w:t>評審團會按以下準則選出「</w:t>
      </w:r>
      <w:proofErr w:type="gramStart"/>
      <w:r w:rsidR="4464D7D8" w:rsidRPr="1134D8C9">
        <w:rPr>
          <w:rFonts w:ascii="微軟正黑體" w:eastAsia="微軟正黑體" w:hAnsi="微軟正黑體"/>
          <w:sz w:val="28"/>
          <w:szCs w:val="28"/>
        </w:rPr>
        <w:t>彩星獎</w:t>
      </w:r>
      <w:proofErr w:type="gramEnd"/>
      <w:r w:rsidR="4464D7D8" w:rsidRPr="1134D8C9">
        <w:rPr>
          <w:rFonts w:ascii="微軟正黑體" w:eastAsia="微軟正黑體" w:hAnsi="微軟正黑體"/>
          <w:sz w:val="28"/>
          <w:szCs w:val="28"/>
        </w:rPr>
        <w:t>」、</w:t>
      </w:r>
      <w:r w:rsidR="40A5E373" w:rsidRPr="1134D8C9">
        <w:rPr>
          <w:rFonts w:ascii="微軟正黑體" w:eastAsia="微軟正黑體" w:hAnsi="微軟正黑體"/>
          <w:sz w:val="28"/>
          <w:szCs w:val="28"/>
        </w:rPr>
        <w:t>「</w:t>
      </w:r>
      <w:proofErr w:type="gramStart"/>
      <w:r w:rsidR="40A5E373" w:rsidRPr="1134D8C9">
        <w:rPr>
          <w:rFonts w:ascii="微軟正黑體" w:eastAsia="微軟正黑體" w:hAnsi="微軟正黑體"/>
          <w:sz w:val="28"/>
          <w:szCs w:val="28"/>
        </w:rPr>
        <w:t>卓越彩星</w:t>
      </w:r>
      <w:proofErr w:type="gramEnd"/>
      <w:r w:rsidR="40A5E373" w:rsidRPr="1134D8C9">
        <w:rPr>
          <w:rFonts w:ascii="微軟正黑體" w:eastAsia="微軟正黑體" w:hAnsi="微軟正黑體"/>
          <w:sz w:val="28"/>
          <w:szCs w:val="28"/>
        </w:rPr>
        <w:t>大獎」、</w:t>
      </w:r>
      <w:r w:rsidR="0DE41B9F" w:rsidRPr="1134D8C9">
        <w:rPr>
          <w:rFonts w:ascii="微軟正黑體" w:eastAsia="微軟正黑體" w:hAnsi="微軟正黑體"/>
          <w:sz w:val="28"/>
          <w:szCs w:val="28"/>
        </w:rPr>
        <w:t>「</w:t>
      </w:r>
      <w:proofErr w:type="gramStart"/>
      <w:r w:rsidR="0DE41B9F" w:rsidRPr="1134D8C9">
        <w:rPr>
          <w:rFonts w:ascii="微軟正黑體" w:eastAsia="微軟正黑體" w:hAnsi="微軟正黑體"/>
          <w:sz w:val="28"/>
          <w:szCs w:val="28"/>
        </w:rPr>
        <w:t>銅星獎</w:t>
      </w:r>
      <w:proofErr w:type="gramEnd"/>
      <w:r w:rsidR="0DE41B9F" w:rsidRPr="1134D8C9">
        <w:rPr>
          <w:rFonts w:ascii="微軟正黑體" w:eastAsia="微軟正黑體" w:hAnsi="微軟正黑體"/>
          <w:sz w:val="28"/>
          <w:szCs w:val="28"/>
        </w:rPr>
        <w:t>」、「</w:t>
      </w:r>
      <w:proofErr w:type="gramStart"/>
      <w:r w:rsidR="0DE41B9F" w:rsidRPr="1134D8C9">
        <w:rPr>
          <w:rFonts w:ascii="微軟正黑體" w:eastAsia="微軟正黑體" w:hAnsi="微軟正黑體"/>
          <w:sz w:val="28"/>
          <w:szCs w:val="28"/>
        </w:rPr>
        <w:t>銀星獎</w:t>
      </w:r>
      <w:proofErr w:type="gramEnd"/>
      <w:r w:rsidR="0DE41B9F" w:rsidRPr="1134D8C9">
        <w:rPr>
          <w:rFonts w:ascii="微軟正黑體" w:eastAsia="微軟正黑體" w:hAnsi="微軟正黑體"/>
          <w:sz w:val="28"/>
          <w:szCs w:val="28"/>
        </w:rPr>
        <w:t>」、「金星獎」、</w:t>
      </w:r>
      <w:r w:rsidR="4464D7D8" w:rsidRPr="1134D8C9">
        <w:rPr>
          <w:rFonts w:ascii="微軟正黑體" w:eastAsia="微軟正黑體" w:hAnsi="微軟正黑體"/>
          <w:sz w:val="28"/>
          <w:szCs w:val="28"/>
        </w:rPr>
        <w:t>「</w:t>
      </w:r>
      <w:r w:rsidR="2A6CA274" w:rsidRPr="1134D8C9">
        <w:rPr>
          <w:rFonts w:ascii="微軟正黑體" w:eastAsia="微軟正黑體" w:hAnsi="微軟正黑體"/>
          <w:sz w:val="28"/>
          <w:szCs w:val="28"/>
        </w:rPr>
        <w:t>持續推動大獎</w:t>
      </w:r>
      <w:r w:rsidR="4464D7D8" w:rsidRPr="1134D8C9">
        <w:rPr>
          <w:rFonts w:ascii="微軟正黑體" w:eastAsia="微軟正黑體" w:hAnsi="微軟正黑體"/>
          <w:sz w:val="28"/>
          <w:szCs w:val="28"/>
        </w:rPr>
        <w:t>」</w:t>
      </w:r>
      <w:r w:rsidR="58EE43CD" w:rsidRPr="1134D8C9">
        <w:rPr>
          <w:rFonts w:ascii="微軟正黑體" w:eastAsia="微軟正黑體" w:hAnsi="微軟正黑體"/>
          <w:sz w:val="28"/>
          <w:szCs w:val="28"/>
        </w:rPr>
        <w:t>以及新設獎項</w:t>
      </w:r>
      <w:r w:rsidR="4464D7D8" w:rsidRPr="1134D8C9">
        <w:rPr>
          <w:rFonts w:ascii="微軟正黑體" w:eastAsia="微軟正黑體" w:hAnsi="微軟正黑體"/>
          <w:sz w:val="28"/>
          <w:szCs w:val="28"/>
        </w:rPr>
        <w:t>「</w:t>
      </w:r>
      <w:r w:rsidR="7EBB635C" w:rsidRPr="1134D8C9">
        <w:rPr>
          <w:rFonts w:ascii="微軟正黑體" w:eastAsia="微軟正黑體" w:hAnsi="微軟正黑體"/>
          <w:sz w:val="28"/>
          <w:szCs w:val="28"/>
        </w:rPr>
        <w:t>數碼連</w:t>
      </w:r>
      <w:proofErr w:type="gramStart"/>
      <w:r w:rsidR="7EBB635C" w:rsidRPr="1134D8C9">
        <w:rPr>
          <w:rFonts w:ascii="微軟正黑體" w:eastAsia="微軟正黑體" w:hAnsi="微軟正黑體"/>
          <w:sz w:val="28"/>
          <w:szCs w:val="28"/>
        </w:rPr>
        <w:t>繫</w:t>
      </w:r>
      <w:proofErr w:type="gramEnd"/>
      <w:r w:rsidR="7EBB635C" w:rsidRPr="1134D8C9">
        <w:rPr>
          <w:rFonts w:ascii="微軟正黑體" w:eastAsia="微軟正黑體" w:hAnsi="微軟正黑體"/>
          <w:sz w:val="28"/>
          <w:szCs w:val="28"/>
        </w:rPr>
        <w:t xml:space="preserve">特別獎 </w:t>
      </w:r>
      <w:r w:rsidR="4464D7D8" w:rsidRPr="1134D8C9">
        <w:rPr>
          <w:rFonts w:ascii="微軟正黑體" w:eastAsia="微軟正黑體" w:hAnsi="微軟正黑體"/>
          <w:sz w:val="28"/>
          <w:szCs w:val="28"/>
        </w:rPr>
        <w:t>」</w:t>
      </w:r>
      <w:r w:rsidR="604B9663" w:rsidRPr="1134D8C9">
        <w:rPr>
          <w:rFonts w:ascii="微軟正黑體" w:eastAsia="微軟正黑體" w:hAnsi="微軟正黑體"/>
          <w:sz w:val="28"/>
          <w:szCs w:val="28"/>
        </w:rPr>
        <w:t>。</w:t>
      </w:r>
    </w:p>
    <w:p w14:paraId="7D6619C9" w14:textId="7CD5248B" w:rsidR="00C34C6D" w:rsidRPr="005F3806" w:rsidRDefault="00C34C6D" w:rsidP="1134D8C9">
      <w:pPr>
        <w:widowControl/>
        <w:adjustRightInd w:val="0"/>
        <w:snapToGrid w:val="0"/>
        <w:spacing w:line="360" w:lineRule="exact"/>
      </w:pPr>
      <w:r>
        <w:br w:type="page"/>
      </w:r>
    </w:p>
    <w:p w14:paraId="6A05A809" w14:textId="4BF578FE" w:rsidR="00C34C6D" w:rsidRPr="005F3806" w:rsidRDefault="00C34C6D" w:rsidP="1134D8C9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Cs w:val="24"/>
        </w:rPr>
      </w:pPr>
    </w:p>
    <w:tbl>
      <w:tblPr>
        <w:tblW w:w="0" w:type="auto"/>
        <w:tblLayout w:type="fixed"/>
        <w:tblLook w:val="04A0" w:firstRow="1" w:lastRow="0" w:firstColumn="1" w:lastColumn="0" w:noHBand="0" w:noVBand="1"/>
      </w:tblPr>
      <w:tblGrid>
        <w:gridCol w:w="3227"/>
        <w:gridCol w:w="6575"/>
      </w:tblGrid>
      <w:tr w:rsidR="00524635" w:rsidRPr="00AE1CF9" w14:paraId="4E818B8E" w14:textId="77777777" w:rsidTr="62530F07">
        <w:tc>
          <w:tcPr>
            <w:tcW w:w="3227" w:type="dxa"/>
          </w:tcPr>
          <w:p w14:paraId="25500AD6" w14:textId="77777777" w:rsidR="00524635" w:rsidRPr="00DA46B7" w:rsidRDefault="00524635" w:rsidP="00FC111A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color w:val="000000"/>
                <w:sz w:val="28"/>
                <w:szCs w:val="28"/>
              </w:rPr>
            </w:pPr>
            <w:proofErr w:type="gramStart"/>
            <w:r w:rsidRPr="00DA46B7">
              <w:rPr>
                <w:rFonts w:ascii="微軟正黑體" w:eastAsia="微軟正黑體" w:hAnsi="微軟正黑體" w:hint="eastAsia"/>
                <w:b/>
                <w:color w:val="000000"/>
                <w:sz w:val="28"/>
                <w:szCs w:val="28"/>
              </w:rPr>
              <w:t>彩星獎</w:t>
            </w:r>
            <w:proofErr w:type="gramEnd"/>
          </w:p>
          <w:p w14:paraId="5A39BBE3" w14:textId="77777777" w:rsidR="005F3806" w:rsidRPr="00225475" w:rsidRDefault="70E145C4" w:rsidP="006A8C26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  <w:rPr>
                <w:rFonts w:ascii="微軟正黑體" w:eastAsia="微軟正黑體" w:hAnsi="微軟正黑體"/>
                <w:noProof/>
              </w:rPr>
            </w:pPr>
            <w:r>
              <w:rPr>
                <w:noProof/>
              </w:rPr>
              <w:drawing>
                <wp:inline distT="0" distB="0" distL="0" distR="0" wp14:anchorId="0EDB844D" wp14:editId="06786997">
                  <wp:extent cx="1329055" cy="882650"/>
                  <wp:effectExtent l="0" t="0" r="4445" b="0"/>
                  <wp:docPr id="18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/>
                          <pic:cNvPicPr/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575" w:type="dxa"/>
            <w:vAlign w:val="center"/>
          </w:tcPr>
          <w:p w14:paraId="2A23641C" w14:textId="77777777" w:rsidR="00724794" w:rsidRPr="00524635" w:rsidRDefault="00724794" w:rsidP="00DA46B7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524635">
              <w:rPr>
                <w:rFonts w:ascii="微軟正黑體" w:eastAsia="微軟正黑體" w:hAnsi="微軟正黑體" w:hint="eastAsia"/>
                <w:sz w:val="28"/>
                <w:szCs w:val="28"/>
              </w:rPr>
              <w:t>達致1個</w:t>
            </w:r>
            <w:r w:rsidRPr="00D66ACF">
              <w:rPr>
                <w:rFonts w:ascii="微軟正黑體" w:eastAsia="微軟正黑體" w:hAnsi="微軟正黑體" w:hint="eastAsia"/>
                <w:sz w:val="28"/>
                <w:szCs w:val="28"/>
              </w:rPr>
              <w:t>「</w:t>
            </w:r>
            <w:r w:rsidRPr="00524635">
              <w:rPr>
                <w:rFonts w:ascii="微軟正黑體" w:eastAsia="微軟正黑體" w:hAnsi="微軟正黑體" w:hint="eastAsia"/>
                <w:sz w:val="28"/>
                <w:szCs w:val="28"/>
              </w:rPr>
              <w:t>長者友善</w:t>
            </w:r>
            <w:r w:rsidRPr="00D66ACF">
              <w:rPr>
                <w:rFonts w:ascii="微軟正黑體" w:eastAsia="微軟正黑體" w:hAnsi="微軟正黑體" w:hint="eastAsia"/>
                <w:sz w:val="28"/>
                <w:szCs w:val="28"/>
              </w:rPr>
              <w:t>城市」</w:t>
            </w:r>
            <w:r w:rsidRPr="00524635">
              <w:rPr>
                <w:rFonts w:ascii="微軟正黑體" w:eastAsia="微軟正黑體" w:hAnsi="微軟正黑體" w:hint="eastAsia"/>
                <w:sz w:val="28"/>
                <w:szCs w:val="28"/>
              </w:rPr>
              <w:t>範疇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，及</w:t>
            </w:r>
          </w:p>
          <w:p w14:paraId="0D043E53" w14:textId="77777777" w:rsidR="00AE1CF9" w:rsidRPr="00AE1CF9" w:rsidRDefault="000E4F9A" w:rsidP="00AE1CF9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由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1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個</w:t>
            </w:r>
            <w:r w:rsidRPr="00D60305">
              <w:rPr>
                <w:rFonts w:ascii="微軟正黑體" w:eastAsia="微軟正黑體" w:hAnsi="微軟正黑體" w:hint="eastAsia"/>
                <w:b/>
                <w:sz w:val="28"/>
                <w:szCs w:val="28"/>
                <w:u w:val="single"/>
              </w:rPr>
              <w:t>地區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的長者服務單位提名</w:t>
            </w:r>
            <w:r w:rsidR="000F4035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  <w:p w14:paraId="41C8F396" w14:textId="51A2CFAA" w:rsidR="007C764E" w:rsidRPr="000E4F9A" w:rsidRDefault="007C764E" w:rsidP="1134D8C9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7718F5" w:rsidRPr="00134564" w14:paraId="7B79D815" w14:textId="77777777" w:rsidTr="62530F07">
        <w:tc>
          <w:tcPr>
            <w:tcW w:w="3227" w:type="dxa"/>
          </w:tcPr>
          <w:p w14:paraId="55F91506" w14:textId="3671A990" w:rsidR="62530F07" w:rsidRDefault="62530F07" w:rsidP="62530F07">
            <w:pPr>
              <w:widowControl/>
              <w:spacing w:line="360" w:lineRule="exact"/>
              <w:jc w:val="center"/>
              <w:rPr>
                <w:rFonts w:ascii="微軟正黑體" w:eastAsia="微軟正黑體" w:hAnsi="微軟正黑體"/>
                <w:b/>
                <w:bCs/>
                <w:sz w:val="28"/>
                <w:szCs w:val="28"/>
              </w:rPr>
            </w:pPr>
          </w:p>
          <w:p w14:paraId="749C76A1" w14:textId="1BAD7628" w:rsidR="007718F5" w:rsidRPr="00DA46B7" w:rsidRDefault="645AF3AC" w:rsidP="1134D8C9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bCs/>
                <w:sz w:val="28"/>
                <w:szCs w:val="28"/>
              </w:rPr>
            </w:pPr>
            <w:proofErr w:type="gramStart"/>
            <w:r w:rsidRPr="1134D8C9">
              <w:rPr>
                <w:rFonts w:ascii="微軟正黑體" w:eastAsia="微軟正黑體" w:hAnsi="微軟正黑體"/>
                <w:b/>
                <w:bCs/>
                <w:sz w:val="28"/>
                <w:szCs w:val="28"/>
              </w:rPr>
              <w:t>卓越彩星</w:t>
            </w:r>
            <w:proofErr w:type="gramEnd"/>
            <w:r w:rsidRPr="1134D8C9">
              <w:rPr>
                <w:rFonts w:ascii="微軟正黑體" w:eastAsia="微軟正黑體" w:hAnsi="微軟正黑體"/>
                <w:b/>
                <w:bCs/>
                <w:sz w:val="28"/>
                <w:szCs w:val="28"/>
              </w:rPr>
              <w:t>大獎</w:t>
            </w:r>
          </w:p>
          <w:p w14:paraId="72A3D3EC" w14:textId="5B4B8AD4" w:rsidR="007718F5" w:rsidRPr="00DC5617" w:rsidRDefault="227CB3AA" w:rsidP="1134D8C9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  <w:rPr>
                <w:rFonts w:ascii="微軟正黑體" w:eastAsia="微軟正黑體" w:hAnsi="微軟正黑體"/>
              </w:rPr>
            </w:pPr>
            <w:r>
              <w:rPr>
                <w:noProof/>
              </w:rPr>
              <w:drawing>
                <wp:inline distT="0" distB="0" distL="0" distR="0" wp14:anchorId="455514C3" wp14:editId="1F60F77F">
                  <wp:extent cx="1329055" cy="882650"/>
                  <wp:effectExtent l="0" t="0" r="4445" b="0"/>
                  <wp:docPr id="17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/>
                          <pic:cNvPicPr/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575" w:type="dxa"/>
            <w:shd w:val="clear" w:color="auto" w:fill="FFFFFF" w:themeFill="background1"/>
            <w:vAlign w:val="center"/>
          </w:tcPr>
          <w:p w14:paraId="7FA26B4B" w14:textId="18F4F624" w:rsidR="62530F07" w:rsidRDefault="62530F07" w:rsidP="62530F07">
            <w:pPr>
              <w:widowControl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</w:p>
          <w:p w14:paraId="6FF70C3E" w14:textId="162FCA7E" w:rsidR="007718F5" w:rsidRPr="00F235A8" w:rsidRDefault="645AF3AC" w:rsidP="1134D8C9">
            <w:pPr>
              <w:widowControl/>
              <w:adjustRightInd w:val="0"/>
              <w:snapToGrid w:val="0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1134D8C9">
              <w:rPr>
                <w:rFonts w:ascii="微軟正黑體" w:eastAsia="微軟正黑體" w:hAnsi="微軟正黑體"/>
                <w:sz w:val="28"/>
                <w:szCs w:val="28"/>
              </w:rPr>
              <w:t>評審團會在獲得</w:t>
            </w:r>
            <w:proofErr w:type="gramStart"/>
            <w:r w:rsidRPr="1134D8C9">
              <w:rPr>
                <w:rFonts w:ascii="微軟正黑體" w:eastAsia="微軟正黑體" w:hAnsi="微軟正黑體"/>
                <w:sz w:val="28"/>
                <w:szCs w:val="28"/>
              </w:rPr>
              <w:t>彩星獎</w:t>
            </w:r>
            <w:proofErr w:type="gramEnd"/>
            <w:r w:rsidR="114342A0" w:rsidRPr="1134D8C9">
              <w:rPr>
                <w:rFonts w:ascii="微軟正黑體" w:eastAsia="微軟正黑體" w:hAnsi="微軟正黑體"/>
                <w:sz w:val="28"/>
                <w:szCs w:val="28"/>
              </w:rPr>
              <w:t>的</w:t>
            </w:r>
            <w:r w:rsidRPr="1134D8C9">
              <w:rPr>
                <w:rFonts w:ascii="微軟正黑體" w:eastAsia="微軟正黑體" w:hAnsi="微軟正黑體"/>
                <w:sz w:val="28"/>
                <w:szCs w:val="28"/>
              </w:rPr>
              <w:t>機構中，進一步考慮有關政策、措施、服務或產品的影</w:t>
            </w:r>
            <w:r w:rsidR="2F5ACB0E" w:rsidRPr="1134D8C9">
              <w:rPr>
                <w:rFonts w:ascii="微軟正黑體" w:eastAsia="微軟正黑體" w:hAnsi="微軟正黑體"/>
                <w:sz w:val="28"/>
                <w:szCs w:val="28"/>
              </w:rPr>
              <w:t>響力，包括受惠人數、受惠人士的反應、市民認知普及程度等，挑選</w:t>
            </w:r>
            <w:r w:rsidRPr="1134D8C9">
              <w:rPr>
                <w:rFonts w:ascii="微軟正黑體" w:eastAsia="微軟正黑體" w:hAnsi="微軟正黑體"/>
                <w:sz w:val="28"/>
                <w:szCs w:val="28"/>
              </w:rPr>
              <w:t>優秀的</w:t>
            </w:r>
            <w:proofErr w:type="gramStart"/>
            <w:r w:rsidR="2348FA5E" w:rsidRPr="1134D8C9">
              <w:rPr>
                <w:rFonts w:ascii="微軟正黑體" w:eastAsia="微軟正黑體" w:hAnsi="微軟正黑體"/>
                <w:sz w:val="28"/>
                <w:szCs w:val="28"/>
              </w:rPr>
              <w:t>彩星獎</w:t>
            </w:r>
            <w:proofErr w:type="gramEnd"/>
            <w:r w:rsidR="4C43FBED" w:rsidRPr="1134D8C9">
              <w:rPr>
                <w:rFonts w:ascii="微軟正黑體" w:eastAsia="微軟正黑體" w:hAnsi="微軟正黑體"/>
                <w:sz w:val="28"/>
                <w:szCs w:val="28"/>
              </w:rPr>
              <w:t>得獎</w:t>
            </w:r>
            <w:r w:rsidR="244143C2" w:rsidRPr="1134D8C9">
              <w:rPr>
                <w:rFonts w:ascii="微軟正黑體" w:eastAsia="微軟正黑體" w:hAnsi="微軟正黑體"/>
                <w:sz w:val="28"/>
                <w:szCs w:val="28"/>
              </w:rPr>
              <w:t>機構</w:t>
            </w:r>
            <w:r w:rsidR="2348FA5E" w:rsidRPr="1134D8C9">
              <w:rPr>
                <w:rFonts w:ascii="微軟正黑體" w:eastAsia="微軟正黑體" w:hAnsi="微軟正黑體"/>
                <w:sz w:val="28"/>
                <w:szCs w:val="28"/>
              </w:rPr>
              <w:t>，</w:t>
            </w:r>
            <w:r w:rsidR="114342A0" w:rsidRPr="1134D8C9">
              <w:rPr>
                <w:rFonts w:ascii="微軟正黑體" w:eastAsia="微軟正黑體" w:hAnsi="微軟正黑體"/>
                <w:sz w:val="28"/>
                <w:szCs w:val="28"/>
              </w:rPr>
              <w:t>頒發</w:t>
            </w:r>
            <w:r w:rsidRPr="1134D8C9">
              <w:rPr>
                <w:rFonts w:ascii="微軟正黑體" w:eastAsia="微軟正黑體" w:hAnsi="微軟正黑體"/>
                <w:sz w:val="28"/>
                <w:szCs w:val="28"/>
              </w:rPr>
              <w:t>「</w:t>
            </w:r>
            <w:proofErr w:type="gramStart"/>
            <w:r w:rsidRPr="1134D8C9">
              <w:rPr>
                <w:rFonts w:ascii="微軟正黑體" w:eastAsia="微軟正黑體" w:hAnsi="微軟正黑體"/>
                <w:sz w:val="28"/>
                <w:szCs w:val="28"/>
              </w:rPr>
              <w:t>卓越彩星</w:t>
            </w:r>
            <w:proofErr w:type="gramEnd"/>
            <w:r w:rsidRPr="1134D8C9">
              <w:rPr>
                <w:rFonts w:ascii="微軟正黑體" w:eastAsia="微軟正黑體" w:hAnsi="微軟正黑體"/>
                <w:sz w:val="28"/>
                <w:szCs w:val="28"/>
              </w:rPr>
              <w:t>大獎」</w:t>
            </w:r>
            <w:r w:rsidR="2348FA5E" w:rsidRPr="1134D8C9">
              <w:rPr>
                <w:rFonts w:ascii="微軟正黑體" w:eastAsia="微軟正黑體" w:hAnsi="微軟正黑體"/>
                <w:sz w:val="28"/>
                <w:szCs w:val="28"/>
              </w:rPr>
              <w:t>，</w:t>
            </w:r>
            <w:r w:rsidR="114342A0" w:rsidRPr="1134D8C9">
              <w:rPr>
                <w:rFonts w:ascii="微軟正黑體" w:eastAsia="微軟正黑體" w:hAnsi="微軟正黑體"/>
                <w:sz w:val="28"/>
                <w:szCs w:val="28"/>
              </w:rPr>
              <w:t>以資特別嘉許</w:t>
            </w:r>
            <w:r w:rsidRPr="1134D8C9">
              <w:rPr>
                <w:rFonts w:ascii="微軟正黑體" w:eastAsia="微軟正黑體" w:hAnsi="微軟正黑體"/>
                <w:sz w:val="28"/>
                <w:szCs w:val="28"/>
              </w:rPr>
              <w:t>。</w:t>
            </w:r>
          </w:p>
        </w:tc>
      </w:tr>
    </w:tbl>
    <w:p w14:paraId="0D0B940D" w14:textId="77777777" w:rsidR="00524635" w:rsidRDefault="00524635" w:rsidP="00FC329C">
      <w:pPr>
        <w:widowControl/>
        <w:adjustRightInd w:val="0"/>
        <w:snapToGrid w:val="0"/>
        <w:spacing w:line="360" w:lineRule="exact"/>
        <w:jc w:val="both"/>
      </w:pPr>
    </w:p>
    <w:tbl>
      <w:tblPr>
        <w:tblW w:w="0" w:type="auto"/>
        <w:tblLayout w:type="fixed"/>
        <w:tblLook w:val="04A0" w:firstRow="1" w:lastRow="0" w:firstColumn="1" w:lastColumn="0" w:noHBand="0" w:noVBand="1"/>
      </w:tblPr>
      <w:tblGrid>
        <w:gridCol w:w="3103"/>
        <w:gridCol w:w="6758"/>
      </w:tblGrid>
      <w:tr w:rsidR="006E48ED" w:rsidRPr="00524635" w14:paraId="34553B6B" w14:textId="77777777" w:rsidTr="5D5FE955">
        <w:trPr>
          <w:trHeight w:val="2044"/>
        </w:trPr>
        <w:tc>
          <w:tcPr>
            <w:tcW w:w="3103" w:type="dxa"/>
          </w:tcPr>
          <w:p w14:paraId="58E5F6A7" w14:textId="77777777" w:rsidR="006E48ED" w:rsidRPr="00DA46B7" w:rsidRDefault="006E48ED" w:rsidP="00FC111A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color w:val="000000"/>
                <w:sz w:val="28"/>
                <w:szCs w:val="28"/>
              </w:rPr>
            </w:pPr>
            <w:r>
              <w:br w:type="page"/>
            </w:r>
            <w:proofErr w:type="gramStart"/>
            <w:r w:rsidRPr="00DA46B7">
              <w:rPr>
                <w:rFonts w:ascii="微軟正黑體" w:eastAsia="微軟正黑體" w:hAnsi="微軟正黑體" w:hint="eastAsia"/>
                <w:b/>
                <w:color w:val="000000"/>
                <w:sz w:val="28"/>
                <w:szCs w:val="28"/>
              </w:rPr>
              <w:t>銅星獎</w:t>
            </w:r>
            <w:proofErr w:type="gramEnd"/>
          </w:p>
          <w:p w14:paraId="0E27B00A" w14:textId="77777777" w:rsidR="00986BBA" w:rsidRPr="00524635" w:rsidRDefault="70E145C4" w:rsidP="003512F2">
            <w:pPr>
              <w:jc w:val="center"/>
              <w:rPr>
                <w:sz w:val="28"/>
                <w:szCs w:val="28"/>
              </w:rPr>
            </w:pPr>
            <w:r>
              <w:rPr>
                <w:noProof/>
              </w:rPr>
              <w:drawing>
                <wp:inline distT="0" distB="0" distL="0" distR="0" wp14:anchorId="18C242D5" wp14:editId="666CB715">
                  <wp:extent cx="1329055" cy="882650"/>
                  <wp:effectExtent l="0" t="0" r="4445" b="0"/>
                  <wp:docPr id="16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/>
                          <pic:cNvPicPr/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758" w:type="dxa"/>
          </w:tcPr>
          <w:p w14:paraId="29B7D66F" w14:textId="411639F6" w:rsidR="62530F07" w:rsidRDefault="62530F07" w:rsidP="62530F07">
            <w:pPr>
              <w:pStyle w:val="ae"/>
              <w:spacing w:line="280" w:lineRule="exact"/>
              <w:ind w:left="480"/>
              <w:jc w:val="both"/>
              <w:rPr>
                <w:rFonts w:ascii="微軟正黑體" w:eastAsia="微軟正黑體" w:hAnsi="微軟正黑體"/>
                <w:szCs w:val="24"/>
              </w:rPr>
            </w:pPr>
          </w:p>
          <w:p w14:paraId="49B1E7F1" w14:textId="77777777"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達致</w:t>
            </w:r>
            <w:r w:rsidRPr="00D60305">
              <w:rPr>
                <w:rFonts w:ascii="微軟正黑體" w:eastAsia="微軟正黑體" w:hAnsi="微軟正黑體" w:hint="eastAsia"/>
                <w:noProof/>
                <w:sz w:val="28"/>
                <w:szCs w:val="28"/>
              </w:rPr>
              <w:t>2個「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長者友善城市」範疇</w:t>
            </w:r>
            <w:r w:rsidR="00D60305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，及</w:t>
            </w:r>
          </w:p>
          <w:p w14:paraId="47731094" w14:textId="77777777"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由</w:t>
            </w:r>
            <w:r w:rsidR="00F85347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2-4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個</w:t>
            </w:r>
            <w:r w:rsidRPr="00D60305">
              <w:rPr>
                <w:rFonts w:ascii="微軟正黑體" w:eastAsia="微軟正黑體" w:hAnsi="微軟正黑體" w:hint="eastAsia"/>
                <w:b/>
                <w:sz w:val="28"/>
                <w:szCs w:val="28"/>
                <w:u w:val="single"/>
              </w:rPr>
              <w:t>不同地區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的長者服務單位</w:t>
            </w:r>
            <w:r w:rsidR="004949C8">
              <w:rPr>
                <w:rFonts w:ascii="微軟正黑體" w:eastAsia="微軟正黑體" w:hAnsi="微軟正黑體" w:hint="eastAsia"/>
                <w:sz w:val="28"/>
                <w:szCs w:val="28"/>
              </w:rPr>
              <w:t>*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提名</w:t>
            </w:r>
            <w:r w:rsidR="000F4035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  <w:p w14:paraId="44EAFD9C" w14:textId="77777777" w:rsidR="006E48ED" w:rsidRPr="00C34C6D" w:rsidRDefault="006E48ED" w:rsidP="00BC1F50">
            <w:pPr>
              <w:pStyle w:val="ae"/>
              <w:spacing w:line="360" w:lineRule="exact"/>
              <w:ind w:left="482"/>
              <w:jc w:val="both"/>
              <w:rPr>
                <w:b/>
                <w:sz w:val="28"/>
                <w:szCs w:val="28"/>
              </w:rPr>
            </w:pPr>
          </w:p>
        </w:tc>
      </w:tr>
      <w:tr w:rsidR="006E48ED" w:rsidRPr="00524635" w14:paraId="6496C6D1" w14:textId="77777777" w:rsidTr="5D5FE955">
        <w:trPr>
          <w:trHeight w:val="1974"/>
        </w:trPr>
        <w:tc>
          <w:tcPr>
            <w:tcW w:w="3103" w:type="dxa"/>
          </w:tcPr>
          <w:p w14:paraId="204D831C" w14:textId="112BB021" w:rsidR="62530F07" w:rsidRDefault="62530F07" w:rsidP="62530F07">
            <w:pPr>
              <w:widowControl/>
              <w:spacing w:line="360" w:lineRule="exact"/>
              <w:jc w:val="center"/>
              <w:rPr>
                <w:rFonts w:ascii="微軟正黑體" w:eastAsia="微軟正黑體" w:hAnsi="微軟正黑體"/>
                <w:b/>
                <w:bCs/>
                <w:color w:val="000000" w:themeColor="text1"/>
                <w:sz w:val="28"/>
                <w:szCs w:val="28"/>
              </w:rPr>
            </w:pPr>
          </w:p>
          <w:p w14:paraId="03B0D9DF" w14:textId="77777777" w:rsidR="006E48ED" w:rsidRPr="00DA46B7" w:rsidRDefault="006E48ED" w:rsidP="00FC111A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color w:val="000000"/>
                <w:sz w:val="28"/>
                <w:szCs w:val="28"/>
              </w:rPr>
            </w:pPr>
            <w:r w:rsidRPr="00DA46B7">
              <w:rPr>
                <w:rFonts w:ascii="微軟正黑體" w:eastAsia="微軟正黑體" w:hAnsi="微軟正黑體" w:hint="eastAsia"/>
                <w:b/>
                <w:color w:val="000000"/>
                <w:sz w:val="28"/>
                <w:szCs w:val="28"/>
              </w:rPr>
              <w:t>銀星獎</w:t>
            </w:r>
          </w:p>
          <w:p w14:paraId="4B94D5A5" w14:textId="77777777" w:rsidR="00986BBA" w:rsidRDefault="70E145C4" w:rsidP="003512F2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</w:pPr>
            <w:r>
              <w:rPr>
                <w:noProof/>
              </w:rPr>
              <w:drawing>
                <wp:inline distT="0" distB="0" distL="0" distR="0" wp14:anchorId="379D471D" wp14:editId="4226BADC">
                  <wp:extent cx="1329055" cy="882650"/>
                  <wp:effectExtent l="0" t="0" r="4445" b="0"/>
                  <wp:docPr id="4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/>
                          <pic:cNvPicPr/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758" w:type="dxa"/>
          </w:tcPr>
          <w:p w14:paraId="3DEEC669" w14:textId="77777777" w:rsidR="006E48ED" w:rsidRPr="00D60305" w:rsidRDefault="006E48ED" w:rsidP="006E48ED">
            <w:pPr>
              <w:pStyle w:val="ae"/>
              <w:spacing w:line="360" w:lineRule="exact"/>
              <w:ind w:left="480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</w:p>
          <w:p w14:paraId="7614A43B" w14:textId="63B64587" w:rsidR="62530F07" w:rsidRDefault="62530F07" w:rsidP="62530F07">
            <w:pPr>
              <w:pStyle w:val="ae"/>
              <w:spacing w:line="360" w:lineRule="exact"/>
              <w:ind w:left="480"/>
              <w:jc w:val="both"/>
              <w:rPr>
                <w:rFonts w:ascii="微軟正黑體" w:eastAsia="微軟正黑體" w:hAnsi="微軟正黑體"/>
                <w:szCs w:val="24"/>
              </w:rPr>
            </w:pPr>
          </w:p>
          <w:p w14:paraId="078E86DB" w14:textId="77777777"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達致</w:t>
            </w:r>
            <w:r w:rsidRPr="00D60305">
              <w:rPr>
                <w:rFonts w:ascii="微軟正黑體" w:eastAsia="微軟正黑體" w:hAnsi="微軟正黑體" w:hint="eastAsia"/>
                <w:noProof/>
                <w:sz w:val="28"/>
                <w:szCs w:val="28"/>
              </w:rPr>
              <w:t>3-5個「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長者友善城市」範疇</w:t>
            </w:r>
            <w:r w:rsidR="00D60305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，及</w:t>
            </w:r>
          </w:p>
          <w:p w14:paraId="0B3203BA" w14:textId="77777777" w:rsidR="006E48ED" w:rsidRPr="00F105CE" w:rsidRDefault="006E48ED" w:rsidP="00F105CE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由</w:t>
            </w:r>
            <w:r w:rsidR="00F85347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5-7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個</w:t>
            </w:r>
            <w:r w:rsidRPr="00D60305">
              <w:rPr>
                <w:rFonts w:ascii="微軟正黑體" w:eastAsia="微軟正黑體" w:hAnsi="微軟正黑體" w:hint="eastAsia"/>
                <w:b/>
                <w:sz w:val="28"/>
                <w:szCs w:val="28"/>
                <w:u w:val="single"/>
              </w:rPr>
              <w:t>不同地區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的長者服務單位</w:t>
            </w:r>
            <w:r w:rsidR="004949C8">
              <w:rPr>
                <w:rFonts w:ascii="微軟正黑體" w:eastAsia="微軟正黑體" w:hAnsi="微軟正黑體" w:hint="eastAsia"/>
                <w:sz w:val="28"/>
                <w:szCs w:val="28"/>
              </w:rPr>
              <w:t>*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提名</w:t>
            </w:r>
            <w:r w:rsidR="000F4035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</w:tc>
      </w:tr>
      <w:tr w:rsidR="006E48ED" w:rsidRPr="00524635" w14:paraId="4B672522" w14:textId="77777777" w:rsidTr="5D5FE955">
        <w:trPr>
          <w:trHeight w:val="1959"/>
        </w:trPr>
        <w:tc>
          <w:tcPr>
            <w:tcW w:w="3103" w:type="dxa"/>
          </w:tcPr>
          <w:p w14:paraId="4FEB6FAE" w14:textId="7C8599E0" w:rsidR="1134D8C9" w:rsidRDefault="1134D8C9" w:rsidP="1134D8C9">
            <w:pPr>
              <w:widowControl/>
              <w:spacing w:line="360" w:lineRule="exact"/>
              <w:rPr>
                <w:rFonts w:ascii="微軟正黑體" w:eastAsia="微軟正黑體" w:hAnsi="微軟正黑體"/>
                <w:b/>
                <w:bCs/>
                <w:color w:val="000000" w:themeColor="text1"/>
                <w:szCs w:val="24"/>
              </w:rPr>
            </w:pPr>
          </w:p>
          <w:p w14:paraId="3B7757CF" w14:textId="77777777" w:rsidR="006E48ED" w:rsidRPr="00DA46B7" w:rsidRDefault="006E48ED" w:rsidP="00FC111A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color w:val="000000"/>
                <w:sz w:val="28"/>
                <w:szCs w:val="28"/>
              </w:rPr>
            </w:pPr>
            <w:r w:rsidRPr="00DA46B7">
              <w:rPr>
                <w:rFonts w:ascii="微軟正黑體" w:eastAsia="微軟正黑體" w:hAnsi="微軟正黑體" w:hint="eastAsia"/>
                <w:b/>
                <w:color w:val="000000"/>
                <w:sz w:val="28"/>
                <w:szCs w:val="28"/>
              </w:rPr>
              <w:t>金星獎</w:t>
            </w:r>
          </w:p>
          <w:p w14:paraId="3656B9AB" w14:textId="77777777" w:rsidR="006E48ED" w:rsidRPr="006E48ED" w:rsidRDefault="70E145C4" w:rsidP="006A8C26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  <w:rPr>
                <w:rFonts w:ascii="微軟正黑體" w:eastAsia="微軟正黑體" w:hAnsi="微軟正黑體"/>
                <w:b/>
                <w:bCs/>
                <w:sz w:val="28"/>
                <w:szCs w:val="28"/>
              </w:rPr>
            </w:pPr>
            <w:r>
              <w:rPr>
                <w:noProof/>
              </w:rPr>
              <w:drawing>
                <wp:inline distT="0" distB="0" distL="0" distR="0" wp14:anchorId="3CF37177" wp14:editId="1F0B512A">
                  <wp:extent cx="1329055" cy="882650"/>
                  <wp:effectExtent l="0" t="0" r="4445" b="0"/>
                  <wp:docPr id="6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/>
                          <pic:cNvPicPr/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758" w:type="dxa"/>
          </w:tcPr>
          <w:p w14:paraId="1A09C915" w14:textId="55373415" w:rsidR="1134D8C9" w:rsidRDefault="1134D8C9" w:rsidP="1134D8C9">
            <w:pPr>
              <w:pStyle w:val="ae"/>
              <w:spacing w:line="360" w:lineRule="exact"/>
              <w:ind w:left="480"/>
              <w:jc w:val="both"/>
              <w:rPr>
                <w:rFonts w:ascii="微軟正黑體" w:eastAsia="微軟正黑體" w:hAnsi="微軟正黑體"/>
                <w:szCs w:val="24"/>
              </w:rPr>
            </w:pPr>
          </w:p>
          <w:p w14:paraId="6242C441" w14:textId="72B8D253" w:rsidR="1134D8C9" w:rsidRDefault="1134D8C9" w:rsidP="1134D8C9">
            <w:pPr>
              <w:pStyle w:val="ae"/>
              <w:spacing w:line="360" w:lineRule="exact"/>
              <w:ind w:left="480"/>
              <w:jc w:val="both"/>
              <w:rPr>
                <w:rFonts w:ascii="微軟正黑體" w:eastAsia="微軟正黑體" w:hAnsi="微軟正黑體"/>
                <w:szCs w:val="24"/>
              </w:rPr>
            </w:pPr>
          </w:p>
          <w:p w14:paraId="73A83CDA" w14:textId="77777777"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達致</w:t>
            </w:r>
            <w:r w:rsidRPr="00D60305">
              <w:rPr>
                <w:rFonts w:ascii="微軟正黑體" w:eastAsia="微軟正黑體" w:hAnsi="微軟正黑體" w:hint="eastAsia"/>
                <w:noProof/>
                <w:sz w:val="28"/>
                <w:szCs w:val="28"/>
              </w:rPr>
              <w:t>6-8個「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長者友善城市」範疇</w:t>
            </w:r>
            <w:r w:rsidR="00D60305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，及</w:t>
            </w:r>
          </w:p>
          <w:p w14:paraId="61035EB8" w14:textId="77777777"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由</w:t>
            </w:r>
            <w:r w:rsidR="00F85347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8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個或以上</w:t>
            </w:r>
            <w:r w:rsidRPr="00D60305">
              <w:rPr>
                <w:rFonts w:ascii="微軟正黑體" w:eastAsia="微軟正黑體" w:hAnsi="微軟正黑體" w:hint="eastAsia"/>
                <w:b/>
                <w:sz w:val="28"/>
                <w:szCs w:val="28"/>
                <w:u w:val="single"/>
              </w:rPr>
              <w:t>不同地區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的長者服務單位</w:t>
            </w:r>
            <w:r w:rsidR="004949C8">
              <w:rPr>
                <w:rFonts w:ascii="微軟正黑體" w:eastAsia="微軟正黑體" w:hAnsi="微軟正黑體" w:hint="eastAsia"/>
                <w:sz w:val="28"/>
                <w:szCs w:val="28"/>
              </w:rPr>
              <w:t>*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提名</w:t>
            </w:r>
            <w:r w:rsidR="000F4035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  <w:p w14:paraId="049F31CB" w14:textId="77777777" w:rsidR="006E48ED" w:rsidRPr="002C24EE" w:rsidRDefault="006E48ED" w:rsidP="00BC1F50">
            <w:pPr>
              <w:pStyle w:val="ae"/>
              <w:spacing w:line="360" w:lineRule="exact"/>
              <w:ind w:left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</w:tr>
      <w:tr w:rsidR="00524635" w:rsidRPr="00524635" w14:paraId="184644F5" w14:textId="77777777" w:rsidTr="5D5FE955">
        <w:trPr>
          <w:trHeight w:val="1934"/>
        </w:trPr>
        <w:tc>
          <w:tcPr>
            <w:tcW w:w="3103" w:type="dxa"/>
          </w:tcPr>
          <w:p w14:paraId="6023D109" w14:textId="08C33C46" w:rsidR="62530F07" w:rsidRDefault="62530F07" w:rsidP="62530F07">
            <w:pPr>
              <w:widowControl/>
              <w:spacing w:line="360" w:lineRule="exact"/>
              <w:jc w:val="center"/>
              <w:rPr>
                <w:rFonts w:ascii="微軟正黑體" w:eastAsia="微軟正黑體" w:hAnsi="微軟正黑體"/>
                <w:b/>
                <w:bCs/>
                <w:sz w:val="28"/>
                <w:szCs w:val="28"/>
              </w:rPr>
            </w:pPr>
          </w:p>
          <w:p w14:paraId="1BDF7A75" w14:textId="3E0F60D6" w:rsidR="00524635" w:rsidRPr="00F235A8" w:rsidRDefault="4EBB2FC8" w:rsidP="006A8C26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bCs/>
                <w:sz w:val="28"/>
                <w:szCs w:val="28"/>
              </w:rPr>
            </w:pPr>
            <w:r w:rsidRPr="62530F07">
              <w:rPr>
                <w:rFonts w:ascii="微軟正黑體" w:eastAsia="微軟正黑體" w:hAnsi="微軟正黑體"/>
                <w:b/>
                <w:bCs/>
                <w:sz w:val="28"/>
                <w:szCs w:val="28"/>
              </w:rPr>
              <w:t>持續推動大獎</w:t>
            </w:r>
          </w:p>
          <w:p w14:paraId="53128261" w14:textId="77777777" w:rsidR="005F3806" w:rsidRPr="00DC5617" w:rsidRDefault="70E145C4" w:rsidP="62530F07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  <w:rPr>
                <w:rFonts w:ascii="微軟正黑體" w:eastAsia="微軟正黑體" w:hAnsi="微軟正黑體"/>
                <w:b/>
                <w:bCs/>
                <w:noProof/>
                <w:sz w:val="28"/>
                <w:szCs w:val="28"/>
              </w:rPr>
            </w:pPr>
            <w:r>
              <w:rPr>
                <w:noProof/>
              </w:rPr>
              <w:drawing>
                <wp:inline distT="0" distB="0" distL="0" distR="0" wp14:anchorId="650DEF3F" wp14:editId="28BB3CBB">
                  <wp:extent cx="1329055" cy="882650"/>
                  <wp:effectExtent l="0" t="0" r="4445" b="0"/>
                  <wp:docPr id="7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/>
                          <pic:cNvPicPr/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758" w:type="dxa"/>
            <w:vAlign w:val="center"/>
          </w:tcPr>
          <w:p w14:paraId="1DF50D88" w14:textId="5138291C" w:rsidR="00524635" w:rsidRPr="00DC5617" w:rsidRDefault="54F66E74" w:rsidP="00DC0F15">
            <w:pPr>
              <w:widowControl/>
              <w:adjustRightInd w:val="0"/>
              <w:snapToGrid w:val="0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5D5FE955">
              <w:rPr>
                <w:rFonts w:ascii="微軟正黑體" w:eastAsia="微軟正黑體" w:hAnsi="微軟正黑體"/>
                <w:sz w:val="28"/>
                <w:szCs w:val="28"/>
              </w:rPr>
              <w:t>為表揚</w:t>
            </w:r>
            <w:r w:rsidR="28038D14" w:rsidRPr="5D5FE955">
              <w:rPr>
                <w:rFonts w:ascii="微軟正黑體" w:eastAsia="微軟正黑體" w:hAnsi="微軟正黑體"/>
                <w:sz w:val="28"/>
                <w:szCs w:val="28"/>
              </w:rPr>
              <w:t>持續</w:t>
            </w:r>
            <w:r w:rsidR="34A15646" w:rsidRPr="5D5FE955">
              <w:rPr>
                <w:rFonts w:ascii="微軟正黑體" w:eastAsia="微軟正黑體" w:hAnsi="微軟正黑體"/>
                <w:sz w:val="28"/>
                <w:szCs w:val="28"/>
              </w:rPr>
              <w:t>參與</w:t>
            </w:r>
            <w:r w:rsidR="28038D14" w:rsidRPr="5D5FE955">
              <w:rPr>
                <w:rFonts w:ascii="微軟正黑體" w:eastAsia="微軟正黑體" w:hAnsi="微軟正黑體"/>
                <w:sz w:val="28"/>
                <w:szCs w:val="28"/>
              </w:rPr>
              <w:t>的</w:t>
            </w:r>
            <w:r w:rsidR="34A15646" w:rsidRPr="5D5FE955">
              <w:rPr>
                <w:rFonts w:ascii="微軟正黑體" w:eastAsia="微軟正黑體" w:hAnsi="微軟正黑體"/>
                <w:sz w:val="28"/>
                <w:szCs w:val="28"/>
              </w:rPr>
              <w:t>機構</w:t>
            </w:r>
            <w:r w:rsidRPr="5D5FE955">
              <w:rPr>
                <w:rFonts w:ascii="微軟正黑體" w:eastAsia="微軟正黑體" w:hAnsi="微軟正黑體"/>
                <w:sz w:val="28"/>
                <w:szCs w:val="28"/>
              </w:rPr>
              <w:t>，如</w:t>
            </w:r>
            <w:r w:rsidR="34A15646" w:rsidRPr="5D5FE955">
              <w:rPr>
                <w:rFonts w:ascii="微軟正黑體" w:eastAsia="微軟正黑體" w:hAnsi="微軟正黑體"/>
                <w:sz w:val="28"/>
                <w:szCs w:val="28"/>
              </w:rPr>
              <w:t>機構於最近</w:t>
            </w:r>
            <w:r w:rsidR="0443F7C4" w:rsidRPr="5D5FE955">
              <w:rPr>
                <w:rFonts w:ascii="微軟正黑體" w:eastAsia="微軟正黑體" w:hAnsi="微軟正黑體"/>
                <w:sz w:val="28"/>
                <w:szCs w:val="28"/>
              </w:rPr>
              <w:t>連續5屆</w:t>
            </w:r>
            <w:r w:rsidRPr="5D5FE955">
              <w:rPr>
                <w:rFonts w:ascii="微軟正黑體" w:eastAsia="微軟正黑體" w:hAnsi="微軟正黑體"/>
                <w:sz w:val="28"/>
                <w:szCs w:val="28"/>
              </w:rPr>
              <w:t>獲得「長者友善措施致意行動」</w:t>
            </w:r>
            <w:r w:rsidR="0443F7C4" w:rsidRPr="5D5FE955">
              <w:rPr>
                <w:rFonts w:ascii="微軟正黑體" w:eastAsia="微軟正黑體" w:hAnsi="微軟正黑體"/>
                <w:sz w:val="28"/>
                <w:szCs w:val="28"/>
              </w:rPr>
              <w:t>的</w:t>
            </w:r>
            <w:r w:rsidRPr="5D5FE955">
              <w:rPr>
                <w:rFonts w:ascii="微軟正黑體" w:eastAsia="微軟正黑體" w:hAnsi="微軟正黑體"/>
                <w:sz w:val="28"/>
                <w:szCs w:val="28"/>
              </w:rPr>
              <w:t>獎項，</w:t>
            </w:r>
            <w:r w:rsidR="00DC0F15" w:rsidRPr="5D5FE955">
              <w:rPr>
                <w:rFonts w:ascii="微軟正黑體" w:eastAsia="微軟正黑體" w:hAnsi="微軟正黑體"/>
                <w:sz w:val="28"/>
                <w:szCs w:val="28"/>
              </w:rPr>
              <w:t>可提交曾獲獎的相關資料，以</w:t>
            </w:r>
            <w:r w:rsidRPr="5D5FE955">
              <w:rPr>
                <w:rFonts w:ascii="微軟正黑體" w:eastAsia="微軟正黑體" w:hAnsi="微軟正黑體"/>
                <w:sz w:val="28"/>
                <w:szCs w:val="28"/>
              </w:rPr>
              <w:t>獲得「</w:t>
            </w:r>
            <w:r w:rsidR="664BE9D8" w:rsidRPr="5D5FE955">
              <w:rPr>
                <w:rFonts w:ascii="微軟正黑體" w:eastAsia="微軟正黑體" w:hAnsi="微軟正黑體"/>
                <w:sz w:val="28"/>
                <w:szCs w:val="28"/>
              </w:rPr>
              <w:t>持續推動大獎</w:t>
            </w:r>
            <w:r w:rsidRPr="5D5FE955">
              <w:rPr>
                <w:rFonts w:ascii="微軟正黑體" w:eastAsia="微軟正黑體" w:hAnsi="微軟正黑體"/>
                <w:sz w:val="28"/>
                <w:szCs w:val="28"/>
              </w:rPr>
              <w:t>」。</w:t>
            </w:r>
          </w:p>
        </w:tc>
      </w:tr>
      <w:tr w:rsidR="00B60404" w:rsidRPr="00DC5617" w14:paraId="4002DB87" w14:textId="77777777" w:rsidTr="5D5FE955">
        <w:trPr>
          <w:trHeight w:val="2104"/>
        </w:trPr>
        <w:tc>
          <w:tcPr>
            <w:tcW w:w="3103" w:type="dxa"/>
          </w:tcPr>
          <w:p w14:paraId="5B83991F" w14:textId="759E20F4" w:rsidR="009004B0" w:rsidRDefault="197DB7E8" w:rsidP="009004B0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 w:cs="微軟正黑體"/>
                <w:b/>
                <w:bCs/>
                <w:color w:val="000000" w:themeColor="text1"/>
                <w:sz w:val="28"/>
                <w:szCs w:val="28"/>
              </w:rPr>
            </w:pPr>
            <w:r w:rsidRPr="5D5FE955">
              <w:rPr>
                <w:rFonts w:ascii="微軟正黑體" w:eastAsia="微軟正黑體" w:hAnsi="微軟正黑體" w:cs="微軟正黑體"/>
                <w:b/>
                <w:bCs/>
                <w:color w:val="000000" w:themeColor="text1"/>
                <w:sz w:val="28"/>
                <w:szCs w:val="28"/>
              </w:rPr>
              <w:lastRenderedPageBreak/>
              <w:t>數碼連繫特別獎</w:t>
            </w:r>
          </w:p>
          <w:p w14:paraId="4E632F32" w14:textId="77777777" w:rsidR="009004B0" w:rsidRPr="009004B0" w:rsidRDefault="009004B0" w:rsidP="009004B0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 w:cs="微軟正黑體"/>
                <w:b/>
                <w:bCs/>
                <w:color w:val="000000" w:themeColor="text1"/>
                <w:sz w:val="28"/>
                <w:szCs w:val="28"/>
              </w:rPr>
            </w:pPr>
          </w:p>
          <w:p w14:paraId="0DC1E04F" w14:textId="1BB41270" w:rsidR="00B60404" w:rsidRPr="00B60404" w:rsidRDefault="00B60404" w:rsidP="62530F07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 w:cs="微軟正黑體"/>
                <w:color w:val="000000" w:themeColor="text1"/>
                <w:sz w:val="28"/>
                <w:szCs w:val="28"/>
              </w:rPr>
            </w:pPr>
          </w:p>
          <w:p w14:paraId="59109B31" w14:textId="1FCFDFD0" w:rsidR="00B60404" w:rsidRPr="00B60404" w:rsidRDefault="00B60404" w:rsidP="62530F07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 w:cs="微軟正黑體"/>
                <w:color w:val="000000" w:themeColor="text1"/>
                <w:sz w:val="28"/>
                <w:szCs w:val="28"/>
              </w:rPr>
            </w:pPr>
          </w:p>
          <w:p w14:paraId="739FF725" w14:textId="09B84F57" w:rsidR="00B60404" w:rsidRPr="00B60404" w:rsidRDefault="00B60404" w:rsidP="62530F07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 w:cs="微軟正黑體"/>
                <w:color w:val="000000" w:themeColor="text1"/>
                <w:sz w:val="28"/>
                <w:szCs w:val="28"/>
              </w:rPr>
            </w:pPr>
          </w:p>
          <w:p w14:paraId="1044B58F" w14:textId="40D0A1C2" w:rsidR="00B60404" w:rsidRPr="00B60404" w:rsidRDefault="62530F07" w:rsidP="62530F07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 w:cs="微軟正黑體"/>
                <w:color w:val="000000" w:themeColor="text1"/>
                <w:sz w:val="28"/>
                <w:szCs w:val="28"/>
              </w:rPr>
            </w:pPr>
            <w:r>
              <w:rPr>
                <w:noProof/>
              </w:rPr>
              <w:drawing>
                <wp:inline distT="0" distB="0" distL="0" distR="0" wp14:anchorId="1B7147E7" wp14:editId="5D37BC7C">
                  <wp:extent cx="1407381" cy="931504"/>
                  <wp:effectExtent l="0" t="0" r="2540" b="2540"/>
                  <wp:docPr id="1227665635" name="圖片 1227665635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10047" cy="93326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7739166E" w14:textId="38645BC0" w:rsidR="00B60404" w:rsidRPr="00B60404" w:rsidRDefault="00B60404" w:rsidP="62530F07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bCs/>
                <w:noProof/>
                <w:szCs w:val="24"/>
              </w:rPr>
            </w:pPr>
          </w:p>
        </w:tc>
        <w:tc>
          <w:tcPr>
            <w:tcW w:w="6758" w:type="dxa"/>
            <w:vAlign w:val="center"/>
          </w:tcPr>
          <w:p w14:paraId="502C538B" w14:textId="1692A596" w:rsidR="00B60404" w:rsidRPr="00DC5617" w:rsidRDefault="57A309BD" w:rsidP="5D5FE955">
            <w:pPr>
              <w:widowControl/>
              <w:adjustRightInd w:val="0"/>
              <w:snapToGrid w:val="0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5D5FE955">
              <w:rPr>
                <w:rFonts w:ascii="微軟正黑體" w:eastAsia="微軟正黑體" w:hAnsi="微軟正黑體"/>
                <w:sz w:val="28"/>
                <w:szCs w:val="28"/>
              </w:rPr>
              <w:t>本年度新設獎項，</w:t>
            </w:r>
            <w:r w:rsidR="00907F97" w:rsidRPr="5D5FE955">
              <w:rPr>
                <w:rFonts w:ascii="微軟正黑體" w:eastAsia="微軟正黑體" w:hAnsi="微軟正黑體"/>
                <w:sz w:val="28"/>
                <w:szCs w:val="28"/>
              </w:rPr>
              <w:t>表揚在</w:t>
            </w:r>
            <w:r w:rsidRPr="5D5FE955">
              <w:rPr>
                <w:rFonts w:ascii="微軟正黑體" w:eastAsia="微軟正黑體" w:hAnsi="微軟正黑體"/>
                <w:sz w:val="28"/>
                <w:szCs w:val="28"/>
              </w:rPr>
              <w:t>疫情</w:t>
            </w:r>
            <w:r w:rsidR="00907F97" w:rsidRPr="5D5FE955">
              <w:rPr>
                <w:rFonts w:ascii="微軟正黑體" w:eastAsia="微軟正黑體" w:hAnsi="微軟正黑體"/>
                <w:sz w:val="28"/>
                <w:szCs w:val="28"/>
              </w:rPr>
              <w:t>期間推出的</w:t>
            </w:r>
            <w:r w:rsidR="1481EAE7" w:rsidRPr="5D5FE955">
              <w:rPr>
                <w:rFonts w:ascii="微軟正黑體" w:eastAsia="微軟正黑體" w:hAnsi="微軟正黑體"/>
                <w:sz w:val="28"/>
                <w:szCs w:val="28"/>
              </w:rPr>
              <w:t>政策、措施、服務或產品</w:t>
            </w:r>
            <w:r w:rsidR="00907F97" w:rsidRPr="5D5FE955">
              <w:rPr>
                <w:rFonts w:ascii="微軟正黑體" w:eastAsia="微軟正黑體" w:hAnsi="微軟正黑體"/>
                <w:sz w:val="28"/>
                <w:szCs w:val="28"/>
              </w:rPr>
              <w:t>，讓長者更容易在日常生活中享</w:t>
            </w:r>
            <w:r w:rsidR="00F24E14">
              <w:rPr>
                <w:rFonts w:ascii="微軟正黑體" w:eastAsia="微軟正黑體" w:hAnsi="微軟正黑體" w:hint="eastAsia"/>
                <w:sz w:val="28"/>
                <w:szCs w:val="28"/>
              </w:rPr>
              <w:t>受</w:t>
            </w:r>
            <w:r w:rsidR="00907F97" w:rsidRPr="5D5FE955">
              <w:rPr>
                <w:rFonts w:ascii="微軟正黑體" w:eastAsia="微軟正黑體" w:hAnsi="微軟正黑體"/>
                <w:sz w:val="28"/>
                <w:szCs w:val="28"/>
              </w:rPr>
              <w:t>使用數碼科技，應對疫情</w:t>
            </w:r>
            <w:r w:rsidR="00F24E14">
              <w:rPr>
                <w:rFonts w:ascii="微軟正黑體" w:eastAsia="微軟正黑體" w:hAnsi="微軟正黑體" w:hint="eastAsia"/>
                <w:sz w:val="28"/>
                <w:szCs w:val="28"/>
              </w:rPr>
              <w:t>，</w:t>
            </w:r>
            <w:r w:rsidR="1481EAE7" w:rsidRPr="5D5FE955">
              <w:rPr>
                <w:rFonts w:ascii="微軟正黑體" w:eastAsia="微軟正黑體" w:hAnsi="微軟正黑體" w:hint="eastAsia"/>
                <w:sz w:val="28"/>
                <w:szCs w:val="28"/>
              </w:rPr>
              <w:t>能夠於軟件應用或硬件設備等方面，幫助長者更方便使用數碼科技，將會頒發</w:t>
            </w:r>
            <w:r w:rsidRPr="5D5FE955">
              <w:rPr>
                <w:rFonts w:ascii="微軟正黑體" w:eastAsia="微軟正黑體" w:hAnsi="微軟正黑體" w:hint="eastAsia"/>
                <w:sz w:val="28"/>
                <w:szCs w:val="28"/>
              </w:rPr>
              <w:t>「</w:t>
            </w:r>
            <w:r w:rsidR="57642CD1" w:rsidRPr="5D5FE955">
              <w:rPr>
                <w:rFonts w:ascii="微軟正黑體" w:eastAsia="微軟正黑體" w:hAnsi="微軟正黑體" w:hint="eastAsia"/>
                <w:sz w:val="28"/>
                <w:szCs w:val="28"/>
              </w:rPr>
              <w:t xml:space="preserve">數碼連繫特別獎 </w:t>
            </w:r>
            <w:r w:rsidRPr="5D5FE955">
              <w:rPr>
                <w:rFonts w:ascii="微軟正黑體" w:eastAsia="微軟正黑體" w:hAnsi="微軟正黑體" w:hint="eastAsia"/>
                <w:sz w:val="28"/>
                <w:szCs w:val="28"/>
              </w:rPr>
              <w:t>」</w:t>
            </w:r>
            <w:r w:rsidR="1481EAE7" w:rsidRPr="5D5FE955">
              <w:rPr>
                <w:rFonts w:ascii="微軟正黑體" w:eastAsia="微軟正黑體" w:hAnsi="微軟正黑體" w:hint="eastAsia"/>
                <w:sz w:val="28"/>
                <w:szCs w:val="28"/>
              </w:rPr>
              <w:t>以資特別嘉許。</w:t>
            </w:r>
          </w:p>
        </w:tc>
      </w:tr>
    </w:tbl>
    <w:p w14:paraId="3CF2D8B6" w14:textId="77777777" w:rsidR="00DD2351" w:rsidRDefault="00DD2351" w:rsidP="00B026B1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Cs w:val="28"/>
        </w:rPr>
      </w:pPr>
    </w:p>
    <w:p w14:paraId="6C6F6CC7" w14:textId="77777777" w:rsidR="00B026B1" w:rsidRPr="00C14409" w:rsidRDefault="00B026B1" w:rsidP="00B026B1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Cs w:val="28"/>
        </w:rPr>
      </w:pPr>
      <w:proofErr w:type="gramStart"/>
      <w:r w:rsidRPr="00C14409">
        <w:rPr>
          <w:rFonts w:ascii="微軟正黑體" w:eastAsia="微軟正黑體" w:hAnsi="微軟正黑體" w:hint="eastAsia"/>
          <w:szCs w:val="28"/>
        </w:rPr>
        <w:t>註</w:t>
      </w:r>
      <w:proofErr w:type="gramEnd"/>
      <w:r w:rsidRPr="00C14409">
        <w:rPr>
          <w:rFonts w:ascii="微軟正黑體" w:eastAsia="微軟正黑體" w:hAnsi="微軟正黑體" w:hint="eastAsia"/>
          <w:szCs w:val="28"/>
        </w:rPr>
        <w:t>1：</w:t>
      </w:r>
      <w:r>
        <w:rPr>
          <w:rFonts w:ascii="微軟正黑體" w:eastAsia="微軟正黑體" w:hAnsi="微軟正黑體" w:hint="eastAsia"/>
          <w:szCs w:val="28"/>
        </w:rPr>
        <w:t>在同1</w:t>
      </w:r>
      <w:r w:rsidR="000F4035">
        <w:rPr>
          <w:rFonts w:ascii="微軟正黑體" w:eastAsia="微軟正黑體" w:hAnsi="微軟正黑體" w:hint="eastAsia"/>
          <w:szCs w:val="28"/>
        </w:rPr>
        <w:t>個</w:t>
      </w:r>
      <w:r>
        <w:rPr>
          <w:rFonts w:ascii="微軟正黑體" w:eastAsia="微軟正黑體" w:hAnsi="微軟正黑體" w:hint="eastAsia"/>
          <w:szCs w:val="28"/>
        </w:rPr>
        <w:t>地區內即使得到多於1</w:t>
      </w:r>
      <w:r w:rsidR="000F4035">
        <w:rPr>
          <w:rFonts w:ascii="微軟正黑體" w:eastAsia="微軟正黑體" w:hAnsi="微軟正黑體" w:hint="eastAsia"/>
          <w:szCs w:val="28"/>
        </w:rPr>
        <w:t>間</w:t>
      </w:r>
      <w:r w:rsidR="00BC1F50">
        <w:rPr>
          <w:rFonts w:ascii="微軟正黑體" w:eastAsia="微軟正黑體" w:hAnsi="微軟正黑體" w:hint="eastAsia"/>
          <w:szCs w:val="28"/>
        </w:rPr>
        <w:t>長者</w:t>
      </w:r>
      <w:r w:rsidRPr="00C14409">
        <w:rPr>
          <w:rFonts w:ascii="微軟正黑體" w:eastAsia="微軟正黑體" w:hAnsi="微軟正黑體" w:hint="eastAsia"/>
          <w:szCs w:val="28"/>
        </w:rPr>
        <w:t>服務單位</w:t>
      </w:r>
      <w:r>
        <w:rPr>
          <w:rFonts w:ascii="微軟正黑體" w:eastAsia="微軟正黑體" w:hAnsi="微軟正黑體" w:hint="eastAsia"/>
          <w:szCs w:val="28"/>
        </w:rPr>
        <w:t>提名，亦只視為獲得1個地區的提名</w:t>
      </w:r>
      <w:r w:rsidRPr="00C14409">
        <w:rPr>
          <w:rFonts w:ascii="微軟正黑體" w:eastAsia="微軟正黑體" w:hAnsi="微軟正黑體" w:hint="eastAsia"/>
          <w:szCs w:val="28"/>
        </w:rPr>
        <w:t>。</w:t>
      </w:r>
    </w:p>
    <w:p w14:paraId="6E431293" w14:textId="77777777" w:rsidR="00B22019" w:rsidRDefault="00B026B1" w:rsidP="00B60404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Cs w:val="28"/>
        </w:rPr>
      </w:pPr>
      <w:proofErr w:type="gramStart"/>
      <w:r w:rsidRPr="00C14409">
        <w:rPr>
          <w:rFonts w:ascii="微軟正黑體" w:eastAsia="微軟正黑體" w:hAnsi="微軟正黑體" w:hint="eastAsia"/>
          <w:szCs w:val="28"/>
        </w:rPr>
        <w:t>註</w:t>
      </w:r>
      <w:proofErr w:type="gramEnd"/>
      <w:r w:rsidRPr="00C14409">
        <w:rPr>
          <w:rFonts w:ascii="微軟正黑體" w:eastAsia="微軟正黑體" w:hAnsi="微軟正黑體" w:hint="eastAsia"/>
          <w:szCs w:val="28"/>
        </w:rPr>
        <w:t>2：</w:t>
      </w:r>
      <w:r>
        <w:rPr>
          <w:rFonts w:ascii="微軟正黑體" w:eastAsia="微軟正黑體" w:hAnsi="微軟正黑體" w:hint="eastAsia"/>
          <w:szCs w:val="28"/>
        </w:rPr>
        <w:t>各獎項的</w:t>
      </w:r>
      <w:r w:rsidRPr="00C14409">
        <w:rPr>
          <w:rFonts w:ascii="微軟正黑體" w:eastAsia="微軟正黑體" w:hAnsi="微軟正黑體" w:hint="eastAsia"/>
          <w:szCs w:val="28"/>
        </w:rPr>
        <w:t>範疇及地區提名</w:t>
      </w:r>
      <w:r>
        <w:rPr>
          <w:rFonts w:ascii="微軟正黑體" w:eastAsia="微軟正黑體" w:hAnsi="微軟正黑體" w:hint="eastAsia"/>
          <w:szCs w:val="28"/>
        </w:rPr>
        <w:t>數目為最低</w:t>
      </w:r>
      <w:r w:rsidRPr="00C14409">
        <w:rPr>
          <w:rFonts w:ascii="微軟正黑體" w:eastAsia="微軟正黑體" w:hAnsi="微軟正黑體" w:hint="eastAsia"/>
          <w:szCs w:val="28"/>
        </w:rPr>
        <w:t>要求</w:t>
      </w:r>
      <w:r>
        <w:rPr>
          <w:rFonts w:ascii="微軟正黑體" w:eastAsia="微軟正黑體" w:hAnsi="微軟正黑體" w:hint="eastAsia"/>
          <w:szCs w:val="28"/>
        </w:rPr>
        <w:t>；參選的政策、措施、服務或產品必須同時符合兩項要求，方</w:t>
      </w:r>
      <w:r w:rsidRPr="00C14409">
        <w:rPr>
          <w:rFonts w:ascii="微軟正黑體" w:eastAsia="微軟正黑體" w:hAnsi="微軟正黑體" w:hint="eastAsia"/>
          <w:szCs w:val="28"/>
        </w:rPr>
        <w:t>可</w:t>
      </w:r>
      <w:r>
        <w:rPr>
          <w:rFonts w:ascii="微軟正黑體" w:eastAsia="微軟正黑體" w:hAnsi="微軟正黑體" w:hint="eastAsia"/>
          <w:szCs w:val="28"/>
        </w:rPr>
        <w:t>獲得該</w:t>
      </w:r>
      <w:r w:rsidRPr="00C14409">
        <w:rPr>
          <w:rFonts w:ascii="微軟正黑體" w:eastAsia="微軟正黑體" w:hAnsi="微軟正黑體" w:hint="eastAsia"/>
          <w:szCs w:val="28"/>
        </w:rPr>
        <w:t>獎</w:t>
      </w:r>
      <w:r>
        <w:rPr>
          <w:rFonts w:ascii="微軟正黑體" w:eastAsia="微軟正黑體" w:hAnsi="微軟正黑體" w:hint="eastAsia"/>
          <w:szCs w:val="28"/>
        </w:rPr>
        <w:t>項。</w:t>
      </w:r>
    </w:p>
    <w:p w14:paraId="0FB78278" w14:textId="77777777" w:rsidR="00B60404" w:rsidRPr="00B60404" w:rsidRDefault="00B60404" w:rsidP="1134D8C9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</w:rPr>
      </w:pPr>
    </w:p>
    <w:p w14:paraId="483136CD" w14:textId="5C4201E4" w:rsidR="1134D8C9" w:rsidRDefault="1134D8C9" w:rsidP="1134D8C9">
      <w:pPr>
        <w:widowControl/>
        <w:spacing w:line="360" w:lineRule="exact"/>
        <w:jc w:val="both"/>
        <w:rPr>
          <w:rFonts w:ascii="微軟正黑體" w:eastAsia="微軟正黑體" w:hAnsi="微軟正黑體"/>
          <w:szCs w:val="24"/>
        </w:rPr>
      </w:pPr>
    </w:p>
    <w:p w14:paraId="09D16A94" w14:textId="77777777" w:rsidR="00B22019" w:rsidRPr="008F581C" w:rsidRDefault="22D79778" w:rsidP="00B22019">
      <w:pPr>
        <w:adjustRightInd w:val="0"/>
        <w:snapToGrid w:val="0"/>
        <w:spacing w:line="0" w:lineRule="atLeast"/>
        <w:rPr>
          <w:rFonts w:ascii="微軟正黑體" w:eastAsia="微軟正黑體" w:hAnsi="微軟正黑體"/>
          <w:b/>
          <w:sz w:val="28"/>
          <w:szCs w:val="28"/>
        </w:rPr>
      </w:pPr>
      <w:r w:rsidRPr="1134D8C9">
        <w:rPr>
          <w:rFonts w:ascii="微軟正黑體" w:eastAsia="微軟正黑體" w:hAnsi="微軟正黑體"/>
          <w:b/>
          <w:bCs/>
          <w:sz w:val="28"/>
          <w:szCs w:val="28"/>
        </w:rPr>
        <w:t>所有獲獎的機構可獲得「長者友善措施致意行動」的標誌貼紙及證書，以及獲邀出席頒獎典禮接受獎項。</w:t>
      </w:r>
    </w:p>
    <w:p w14:paraId="714BC076" w14:textId="2BA9292A" w:rsidR="1134D8C9" w:rsidRDefault="1134D8C9">
      <w:r>
        <w:br w:type="page"/>
      </w:r>
    </w:p>
    <w:p w14:paraId="1FC39945" w14:textId="77777777" w:rsidR="00A67122" w:rsidRDefault="00A67122" w:rsidP="00524635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</w:p>
    <w:p w14:paraId="697A0802" w14:textId="77777777" w:rsidR="00524635" w:rsidRDefault="00524635" w:rsidP="00524635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  <w:r w:rsidRPr="009462E8">
        <w:rPr>
          <w:rFonts w:ascii="微軟正黑體" w:eastAsia="微軟正黑體" w:hAnsi="微軟正黑體" w:hint="eastAsia"/>
          <w:b/>
          <w:color w:val="76923C"/>
          <w:sz w:val="32"/>
        </w:rPr>
        <w:t>評審團</w:t>
      </w:r>
    </w:p>
    <w:p w14:paraId="4B5378E2" w14:textId="77777777" w:rsidR="00633D47" w:rsidRDefault="00BE5A25" w:rsidP="007F01D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BE5A25">
        <w:rPr>
          <w:rFonts w:ascii="微軟正黑體" w:eastAsia="微軟正黑體" w:hAnsi="微軟正黑體" w:hint="eastAsia"/>
          <w:sz w:val="28"/>
          <w:szCs w:val="28"/>
        </w:rPr>
        <w:t>由「香港長者友善社區」督導委員會</w:t>
      </w:r>
      <w:r>
        <w:rPr>
          <w:rFonts w:ascii="微軟正黑體" w:eastAsia="微軟正黑體" w:hAnsi="微軟正黑體" w:hint="eastAsia"/>
          <w:sz w:val="28"/>
          <w:szCs w:val="28"/>
        </w:rPr>
        <w:t>組成的</w:t>
      </w:r>
      <w:r w:rsidR="0007416F">
        <w:rPr>
          <w:rFonts w:ascii="微軟正黑體" w:eastAsia="微軟正黑體" w:hAnsi="微軟正黑體" w:hint="eastAsia"/>
          <w:sz w:val="28"/>
          <w:szCs w:val="28"/>
        </w:rPr>
        <w:t>評審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小組</w:t>
      </w:r>
      <w:r>
        <w:rPr>
          <w:rFonts w:ascii="微軟正黑體" w:eastAsia="微軟正黑體" w:hAnsi="微軟正黑體" w:hint="eastAsia"/>
          <w:sz w:val="28"/>
          <w:szCs w:val="28"/>
        </w:rPr>
        <w:t>，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會</w:t>
      </w:r>
      <w:r w:rsidR="005049AE" w:rsidRPr="005049AE">
        <w:rPr>
          <w:rFonts w:ascii="微軟正黑體" w:eastAsia="微軟正黑體" w:hAnsi="微軟正黑體" w:hint="eastAsia"/>
          <w:sz w:val="28"/>
          <w:szCs w:val="28"/>
        </w:rPr>
        <w:t>先</w:t>
      </w:r>
      <w:r>
        <w:rPr>
          <w:rFonts w:ascii="微軟正黑體" w:eastAsia="微軟正黑體" w:hAnsi="微軟正黑體" w:hint="eastAsia"/>
          <w:sz w:val="28"/>
          <w:szCs w:val="28"/>
        </w:rPr>
        <w:t>進行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評核，</w:t>
      </w:r>
      <w:r>
        <w:rPr>
          <w:rFonts w:ascii="微軟正黑體" w:eastAsia="微軟正黑體" w:hAnsi="微軟正黑體" w:hint="eastAsia"/>
          <w:sz w:val="28"/>
          <w:szCs w:val="28"/>
        </w:rPr>
        <w:t>再交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由「香港長者友善社區」督導委員會</w:t>
      </w:r>
      <w:r w:rsidR="00E073C2">
        <w:rPr>
          <w:rFonts w:ascii="微軟正黑體" w:eastAsia="微軟正黑體" w:hAnsi="微軟正黑體" w:hint="eastAsia"/>
          <w:sz w:val="28"/>
          <w:szCs w:val="28"/>
        </w:rPr>
        <w:t>確定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最終評審結果。「香港長者友善社區」督導委員會成員包括</w:t>
      </w:r>
      <w:r w:rsidR="00E073C2">
        <w:rPr>
          <w:rFonts w:ascii="微軟正黑體" w:eastAsia="微軟正黑體" w:hAnsi="微軟正黑體" w:hint="eastAsia"/>
          <w:sz w:val="28"/>
          <w:szCs w:val="28"/>
        </w:rPr>
        <w:t>香港長者專責服務委員會委員</w:t>
      </w:r>
      <w:r w:rsidR="00E073C2" w:rsidRPr="00524635">
        <w:rPr>
          <w:rFonts w:ascii="微軟正黑體" w:eastAsia="微軟正黑體" w:hAnsi="微軟正黑體" w:hint="eastAsia"/>
          <w:sz w:val="28"/>
          <w:szCs w:val="28"/>
        </w:rPr>
        <w:t>、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長者服務單位代表、社聯代表及</w:t>
      </w:r>
      <w:r w:rsidR="0007416F">
        <w:rPr>
          <w:rFonts w:ascii="微軟正黑體" w:eastAsia="微軟正黑體" w:hAnsi="微軟正黑體" w:hint="eastAsia"/>
          <w:sz w:val="28"/>
          <w:szCs w:val="28"/>
        </w:rPr>
        <w:t>18區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長者代表。</w:t>
      </w:r>
    </w:p>
    <w:p w14:paraId="0562CB0E" w14:textId="77777777" w:rsidR="005F3806" w:rsidRPr="007F01D5" w:rsidRDefault="005F3806" w:rsidP="007F01D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p w14:paraId="13332BC8" w14:textId="77777777" w:rsidR="00635650" w:rsidRDefault="00635650" w:rsidP="00635650">
      <w:pPr>
        <w:widowControl/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  <w:r w:rsidRPr="00113A03">
        <w:rPr>
          <w:rFonts w:ascii="微軟正黑體" w:eastAsia="微軟正黑體" w:hAnsi="微軟正黑體" w:hint="eastAsia"/>
          <w:b/>
          <w:color w:val="76923C"/>
          <w:sz w:val="32"/>
        </w:rPr>
        <w:t>參加方法</w:t>
      </w:r>
    </w:p>
    <w:p w14:paraId="59682942" w14:textId="77777777" w:rsidR="00474F94" w:rsidRDefault="00BA0734" w:rsidP="00474F94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1</w:t>
      </w:r>
      <w:r w:rsidR="00C63777">
        <w:rPr>
          <w:rFonts w:ascii="微軟正黑體" w:eastAsia="微軟正黑體" w:hAnsi="微軟正黑體" w:hint="eastAsia"/>
          <w:sz w:val="28"/>
          <w:szCs w:val="28"/>
        </w:rPr>
        <w:t>)</w:t>
      </w:r>
      <w:r>
        <w:rPr>
          <w:rFonts w:ascii="微軟正黑體" w:eastAsia="微軟正黑體" w:hAnsi="微軟正黑體" w:hint="eastAsia"/>
          <w:sz w:val="28"/>
          <w:szCs w:val="28"/>
        </w:rPr>
        <w:t xml:space="preserve"> </w:t>
      </w:r>
      <w:r w:rsidR="00C63777" w:rsidRPr="0007416F">
        <w:rPr>
          <w:rFonts w:ascii="微軟正黑體" w:eastAsia="微軟正黑體" w:hAnsi="微軟正黑體" w:hint="eastAsia"/>
          <w:b/>
          <w:sz w:val="28"/>
          <w:szCs w:val="28"/>
        </w:rPr>
        <w:t>機構自行報名參與</w:t>
      </w:r>
      <w:r w:rsidR="00635650" w:rsidRPr="0007416F">
        <w:rPr>
          <w:rFonts w:ascii="微軟正黑體" w:eastAsia="微軟正黑體" w:hAnsi="微軟正黑體" w:hint="eastAsia"/>
          <w:b/>
          <w:sz w:val="28"/>
          <w:szCs w:val="28"/>
        </w:rPr>
        <w:t xml:space="preserve"> </w:t>
      </w:r>
    </w:p>
    <w:p w14:paraId="1549AEC7" w14:textId="77777777" w:rsidR="00843789" w:rsidRPr="00C93A14" w:rsidRDefault="00843789" w:rsidP="00C93A14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參與機構</w:t>
      </w:r>
      <w:r w:rsidR="00722DB3">
        <w:rPr>
          <w:rFonts w:ascii="微軟正黑體" w:eastAsia="微軟正黑體" w:hAnsi="微軟正黑體" w:hint="eastAsia"/>
          <w:sz w:val="28"/>
          <w:szCs w:val="28"/>
        </w:rPr>
        <w:t>必須</w:t>
      </w:r>
      <w:r w:rsidR="0007416F">
        <w:rPr>
          <w:rFonts w:ascii="微軟正黑體" w:eastAsia="微軟正黑體" w:hAnsi="微軟正黑體" w:hint="eastAsia"/>
          <w:sz w:val="28"/>
          <w:szCs w:val="28"/>
        </w:rPr>
        <w:t>填寫表格</w:t>
      </w:r>
      <w:proofErr w:type="gramStart"/>
      <w:r w:rsidR="0007416F">
        <w:rPr>
          <w:rFonts w:ascii="微軟正黑體" w:eastAsia="微軟正黑體" w:hAnsi="微軟正黑體" w:hint="eastAsia"/>
          <w:sz w:val="28"/>
          <w:szCs w:val="28"/>
        </w:rPr>
        <w:t>一</w:t>
      </w:r>
      <w:proofErr w:type="gramEnd"/>
      <w:r w:rsidR="0007416F">
        <w:rPr>
          <w:rFonts w:ascii="微軟正黑體" w:eastAsia="微軟正黑體" w:hAnsi="微軟正黑體" w:hint="eastAsia"/>
          <w:sz w:val="28"/>
          <w:szCs w:val="28"/>
        </w:rPr>
        <w:t>及</w:t>
      </w:r>
      <w:r w:rsidR="00FE09E7">
        <w:rPr>
          <w:rFonts w:ascii="微軟正黑體" w:eastAsia="微軟正黑體" w:hAnsi="微軟正黑體" w:hint="eastAsia"/>
          <w:sz w:val="28"/>
          <w:szCs w:val="28"/>
        </w:rPr>
        <w:t>提供</w:t>
      </w:r>
      <w:r w:rsidR="00E073C2">
        <w:rPr>
          <w:rFonts w:ascii="微軟正黑體" w:eastAsia="微軟正黑體" w:hAnsi="微軟正黑體" w:hint="eastAsia"/>
          <w:sz w:val="28"/>
          <w:szCs w:val="28"/>
        </w:rPr>
        <w:t>相關</w:t>
      </w:r>
      <w:r w:rsidR="00AB6D22">
        <w:rPr>
          <w:rFonts w:ascii="微軟正黑體" w:eastAsia="微軟正黑體" w:hAnsi="微軟正黑體" w:hint="eastAsia"/>
          <w:sz w:val="28"/>
          <w:szCs w:val="28"/>
        </w:rPr>
        <w:t>證明</w:t>
      </w:r>
      <w:r w:rsidR="00E073C2">
        <w:rPr>
          <w:rFonts w:ascii="微軟正黑體" w:eastAsia="微軟正黑體" w:hAnsi="微軟正黑體" w:hint="eastAsia"/>
          <w:sz w:val="28"/>
          <w:szCs w:val="28"/>
        </w:rPr>
        <w:t>文件的</w:t>
      </w:r>
      <w:r w:rsidR="00D66ACF" w:rsidRPr="00C93A14">
        <w:rPr>
          <w:rFonts w:ascii="微軟正黑體" w:eastAsia="微軟正黑體" w:hAnsi="微軟正黑體" w:hint="eastAsia"/>
          <w:sz w:val="28"/>
          <w:szCs w:val="28"/>
        </w:rPr>
        <w:t>副本</w:t>
      </w:r>
      <w:r w:rsidR="0007416F">
        <w:rPr>
          <w:rFonts w:ascii="微軟正黑體" w:eastAsia="微軟正黑體" w:hAnsi="微軟正黑體" w:hint="eastAsia"/>
          <w:sz w:val="28"/>
          <w:szCs w:val="28"/>
        </w:rPr>
        <w:t>（</w:t>
      </w:r>
      <w:r w:rsidR="009E1CF1">
        <w:rPr>
          <w:rFonts w:ascii="微軟正黑體" w:eastAsia="微軟正黑體" w:hAnsi="微軟正黑體" w:hint="eastAsia"/>
          <w:sz w:val="28"/>
          <w:szCs w:val="28"/>
        </w:rPr>
        <w:t>詳見表格一</w:t>
      </w:r>
      <w:r w:rsidR="0007416F">
        <w:rPr>
          <w:rFonts w:ascii="微軟正黑體" w:eastAsia="微軟正黑體" w:hAnsi="微軟正黑體" w:hint="eastAsia"/>
          <w:sz w:val="28"/>
          <w:szCs w:val="28"/>
        </w:rPr>
        <w:t>）</w:t>
      </w:r>
      <w:r w:rsidR="00D66ACF" w:rsidRPr="00C93A14">
        <w:rPr>
          <w:rFonts w:ascii="微軟正黑體" w:eastAsia="微軟正黑體" w:hAnsi="微軟正黑體" w:hint="eastAsia"/>
          <w:sz w:val="28"/>
          <w:szCs w:val="28"/>
        </w:rPr>
        <w:t>；</w:t>
      </w:r>
    </w:p>
    <w:p w14:paraId="3D1426FF" w14:textId="77777777" w:rsidR="00843789" w:rsidRPr="00C93A14" w:rsidRDefault="00843789" w:rsidP="00843789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C93A14">
        <w:rPr>
          <w:rFonts w:ascii="微軟正黑體" w:eastAsia="微軟正黑體" w:hAnsi="微軟正黑體" w:hint="eastAsia"/>
          <w:sz w:val="28"/>
          <w:szCs w:val="28"/>
        </w:rPr>
        <w:t>參與機構</w:t>
      </w:r>
      <w:r w:rsidR="00722DB3">
        <w:rPr>
          <w:rFonts w:ascii="微軟正黑體" w:eastAsia="微軟正黑體" w:hAnsi="微軟正黑體" w:hint="eastAsia"/>
          <w:sz w:val="28"/>
          <w:szCs w:val="28"/>
        </w:rPr>
        <w:t>必須</w:t>
      </w:r>
      <w:r w:rsidRPr="00C93A14">
        <w:rPr>
          <w:rFonts w:ascii="微軟正黑體" w:eastAsia="微軟正黑體" w:hAnsi="微軟正黑體" w:hint="eastAsia"/>
          <w:sz w:val="28"/>
          <w:szCs w:val="28"/>
        </w:rPr>
        <w:t>獲得最少一間長者服務單位推薦；</w:t>
      </w:r>
    </w:p>
    <w:p w14:paraId="5AF482B2" w14:textId="65494642" w:rsidR="00E073C2" w:rsidRDefault="5DDA022E" w:rsidP="6A950CAF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 w:cs="微軟正黑體"/>
          <w:szCs w:val="24"/>
        </w:rPr>
      </w:pPr>
      <w:r w:rsidRPr="6A950CAF">
        <w:rPr>
          <w:rFonts w:ascii="微軟正黑體" w:eastAsia="微軟正黑體" w:hAnsi="微軟正黑體"/>
          <w:sz w:val="28"/>
          <w:szCs w:val="28"/>
        </w:rPr>
        <w:t>參與機構</w:t>
      </w:r>
      <w:r w:rsidR="6F8BCD63" w:rsidRPr="6A950CAF">
        <w:rPr>
          <w:rFonts w:ascii="微軟正黑體" w:eastAsia="微軟正黑體" w:hAnsi="微軟正黑體"/>
          <w:sz w:val="28"/>
          <w:szCs w:val="28"/>
        </w:rPr>
        <w:t>必須提供填妥的</w:t>
      </w:r>
      <w:r w:rsidRPr="6A950CAF">
        <w:rPr>
          <w:rFonts w:ascii="微軟正黑體" w:eastAsia="微軟正黑體" w:hAnsi="微軟正黑體"/>
          <w:sz w:val="28"/>
          <w:szCs w:val="28"/>
        </w:rPr>
        <w:t>表格</w:t>
      </w:r>
      <w:proofErr w:type="gramStart"/>
      <w:r w:rsidRPr="6A950CAF">
        <w:rPr>
          <w:rFonts w:ascii="微軟正黑體" w:eastAsia="微軟正黑體" w:hAnsi="微軟正黑體"/>
          <w:sz w:val="28"/>
          <w:szCs w:val="28"/>
        </w:rPr>
        <w:t>一</w:t>
      </w:r>
      <w:proofErr w:type="gramEnd"/>
      <w:r w:rsidRPr="6A950CAF">
        <w:rPr>
          <w:rFonts w:ascii="微軟正黑體" w:eastAsia="微軟正黑體" w:hAnsi="微軟正黑體"/>
          <w:sz w:val="28"/>
          <w:szCs w:val="28"/>
        </w:rPr>
        <w:t>先</w:t>
      </w:r>
      <w:r w:rsidR="6F8BCD63" w:rsidRPr="6A950CAF">
        <w:rPr>
          <w:rFonts w:ascii="微軟正黑體" w:eastAsia="微軟正黑體" w:hAnsi="微軟正黑體"/>
          <w:sz w:val="28"/>
          <w:szCs w:val="28"/>
        </w:rPr>
        <w:t>給</w:t>
      </w:r>
      <w:r w:rsidRPr="6A950CAF">
        <w:rPr>
          <w:rFonts w:ascii="微軟正黑體" w:eastAsia="微軟正黑體" w:hAnsi="微軟正黑體"/>
          <w:sz w:val="28"/>
          <w:szCs w:val="28"/>
        </w:rPr>
        <w:t>長者服務單位參考</w:t>
      </w:r>
      <w:r w:rsidR="5485EC0C" w:rsidRPr="6A950CAF">
        <w:rPr>
          <w:rFonts w:ascii="微軟正黑體" w:eastAsia="微軟正黑體" w:hAnsi="微軟正黑體"/>
          <w:sz w:val="28"/>
          <w:szCs w:val="28"/>
        </w:rPr>
        <w:t>，並由長者服務單位填寫表格二</w:t>
      </w:r>
      <w:r w:rsidR="6A950CAF" w:rsidRPr="6A950CAF">
        <w:rPr>
          <w:rFonts w:ascii="微軟正黑體" w:eastAsia="微軟正黑體" w:hAnsi="微軟正黑體" w:cs="微軟正黑體"/>
          <w:sz w:val="28"/>
          <w:szCs w:val="28"/>
        </w:rPr>
        <w:t>；</w:t>
      </w:r>
    </w:p>
    <w:p w14:paraId="05F076C5" w14:textId="77777777" w:rsidR="00843789" w:rsidRDefault="00E073C2" w:rsidP="00C93A14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參與機構需將已填妥的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表格一、</w:t>
      </w:r>
      <w:r w:rsidR="00AB6D22">
        <w:rPr>
          <w:rFonts w:ascii="微軟正黑體" w:eastAsia="微軟正黑體" w:hAnsi="微軟正黑體" w:hint="eastAsia"/>
          <w:sz w:val="28"/>
          <w:szCs w:val="28"/>
        </w:rPr>
        <w:t>表格二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及</w:t>
      </w:r>
      <w:r w:rsidR="00AB6D22">
        <w:rPr>
          <w:rFonts w:ascii="微軟正黑體" w:eastAsia="微軟正黑體" w:hAnsi="微軟正黑體" w:hint="eastAsia"/>
          <w:sz w:val="28"/>
          <w:szCs w:val="28"/>
        </w:rPr>
        <w:t>相關證明文件的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副本</w:t>
      </w:r>
      <w:r w:rsidR="00AB6D22">
        <w:rPr>
          <w:rFonts w:ascii="微軟正黑體" w:eastAsia="微軟正黑體" w:hAnsi="微軟正黑體" w:hint="eastAsia"/>
          <w:sz w:val="28"/>
          <w:szCs w:val="28"/>
        </w:rPr>
        <w:t>（</w:t>
      </w:r>
      <w:r w:rsidR="00C93A14" w:rsidRPr="00C93A14">
        <w:rPr>
          <w:rFonts w:ascii="微軟正黑體" w:eastAsia="微軟正黑體" w:hAnsi="微軟正黑體" w:hint="eastAsia"/>
          <w:sz w:val="28"/>
          <w:szCs w:val="28"/>
        </w:rPr>
        <w:t>如有</w:t>
      </w:r>
      <w:r w:rsidR="00AB6D22">
        <w:rPr>
          <w:rFonts w:ascii="微軟正黑體" w:eastAsia="微軟正黑體" w:hAnsi="微軟正黑體" w:hint="eastAsia"/>
          <w:sz w:val="28"/>
          <w:szCs w:val="28"/>
        </w:rPr>
        <w:t>）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交回社聯。</w:t>
      </w:r>
    </w:p>
    <w:p w14:paraId="34CE0A41" w14:textId="77777777" w:rsidR="00EC034F" w:rsidRDefault="00EC034F" w:rsidP="00843789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p w14:paraId="03A681E0" w14:textId="77777777" w:rsidR="00843789" w:rsidRDefault="00843789" w:rsidP="00843789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 xml:space="preserve">2) </w:t>
      </w:r>
      <w:r w:rsidRPr="0007416F">
        <w:rPr>
          <w:rFonts w:ascii="微軟正黑體" w:eastAsia="微軟正黑體" w:hAnsi="微軟正黑體" w:hint="eastAsia"/>
          <w:b/>
          <w:sz w:val="28"/>
          <w:szCs w:val="28"/>
        </w:rPr>
        <w:t>由長者或長者服務單位提名</w:t>
      </w:r>
    </w:p>
    <w:p w14:paraId="26C5B201" w14:textId="77777777" w:rsidR="00BA2B57" w:rsidRDefault="00843789" w:rsidP="007718F5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長者服務單位</w:t>
      </w:r>
      <w:r w:rsidRPr="00843789">
        <w:rPr>
          <w:rFonts w:ascii="微軟正黑體" w:eastAsia="微軟正黑體" w:hAnsi="微軟正黑體" w:hint="eastAsia"/>
          <w:sz w:val="28"/>
          <w:szCs w:val="28"/>
        </w:rPr>
        <w:t>可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邀請</w:t>
      </w:r>
      <w:r w:rsidR="0000299F">
        <w:rPr>
          <w:rFonts w:ascii="微軟正黑體" w:eastAsia="微軟正黑體" w:hAnsi="微軟正黑體" w:hint="eastAsia"/>
          <w:sz w:val="28"/>
          <w:szCs w:val="28"/>
        </w:rPr>
        <w:t>符合參與資格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的機構參與，</w:t>
      </w:r>
      <w:r w:rsidR="0000299F">
        <w:rPr>
          <w:rFonts w:ascii="微軟正黑體" w:eastAsia="微軟正黑體" w:hAnsi="微軟正黑體" w:hint="eastAsia"/>
          <w:sz w:val="28"/>
          <w:szCs w:val="28"/>
        </w:rPr>
        <w:t>長者亦可以在獲得</w:t>
      </w:r>
      <w:r w:rsidR="00BA2B57">
        <w:rPr>
          <w:rFonts w:ascii="微軟正黑體" w:eastAsia="微軟正黑體" w:hAnsi="微軟正黑體" w:hint="eastAsia"/>
          <w:sz w:val="28"/>
          <w:szCs w:val="28"/>
        </w:rPr>
        <w:t>所屬</w:t>
      </w:r>
      <w:r w:rsidR="0000299F">
        <w:rPr>
          <w:rFonts w:ascii="微軟正黑體" w:eastAsia="微軟正黑體" w:hAnsi="微軟正黑體" w:hint="eastAsia"/>
          <w:sz w:val="28"/>
          <w:szCs w:val="28"/>
        </w:rPr>
        <w:t>的</w:t>
      </w:r>
      <w:r w:rsidR="00BA2B57">
        <w:rPr>
          <w:rFonts w:ascii="微軟正黑體" w:eastAsia="微軟正黑體" w:hAnsi="微軟正黑體" w:hint="eastAsia"/>
          <w:sz w:val="28"/>
          <w:szCs w:val="28"/>
        </w:rPr>
        <w:t>長者服務單位</w:t>
      </w:r>
      <w:r w:rsidR="0000299F">
        <w:rPr>
          <w:rFonts w:ascii="微軟正黑體" w:eastAsia="微軟正黑體" w:hAnsi="微軟正黑體" w:hint="eastAsia"/>
          <w:sz w:val="28"/>
          <w:szCs w:val="28"/>
        </w:rPr>
        <w:t>同意提名</w:t>
      </w:r>
      <w:r w:rsidR="00BA2B57">
        <w:rPr>
          <w:rFonts w:ascii="微軟正黑體" w:eastAsia="微軟正黑體" w:hAnsi="微軟正黑體" w:hint="eastAsia"/>
          <w:sz w:val="28"/>
          <w:szCs w:val="28"/>
        </w:rPr>
        <w:t>後，</w:t>
      </w:r>
      <w:r w:rsidR="0000299F">
        <w:rPr>
          <w:rFonts w:ascii="微軟正黑體" w:eastAsia="微軟正黑體" w:hAnsi="微軟正黑體" w:hint="eastAsia"/>
          <w:sz w:val="28"/>
          <w:szCs w:val="28"/>
        </w:rPr>
        <w:t>邀請機構參選</w:t>
      </w:r>
      <w:r w:rsidR="00BA2B57">
        <w:rPr>
          <w:rFonts w:ascii="微軟正黑體" w:eastAsia="微軟正黑體" w:hAnsi="微軟正黑體" w:hint="eastAsia"/>
          <w:sz w:val="28"/>
          <w:szCs w:val="28"/>
        </w:rPr>
        <w:t>；</w:t>
      </w:r>
    </w:p>
    <w:p w14:paraId="46AE0FB4" w14:textId="77777777" w:rsidR="00843789" w:rsidRDefault="00BA2B57" w:rsidP="007718F5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長者及長者服務單位需</w:t>
      </w:r>
      <w:r w:rsidR="00AB6D22">
        <w:rPr>
          <w:rFonts w:ascii="微軟正黑體" w:eastAsia="微軟正黑體" w:hAnsi="微軟正黑體" w:hint="eastAsia"/>
          <w:sz w:val="28"/>
          <w:szCs w:val="28"/>
        </w:rPr>
        <w:t>邀請機構填寫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表格</w:t>
      </w:r>
      <w:proofErr w:type="gramStart"/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一</w:t>
      </w:r>
      <w:proofErr w:type="gramEnd"/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及</w:t>
      </w:r>
      <w:r w:rsidR="0007416F">
        <w:rPr>
          <w:rFonts w:ascii="微軟正黑體" w:eastAsia="微軟正黑體" w:hAnsi="微軟正黑體" w:hint="eastAsia"/>
          <w:sz w:val="28"/>
          <w:szCs w:val="28"/>
        </w:rPr>
        <w:t>提交</w:t>
      </w:r>
      <w:r w:rsidR="00AB6D22">
        <w:rPr>
          <w:rFonts w:ascii="微軟正黑體" w:eastAsia="微軟正黑體" w:hAnsi="微軟正黑體" w:hint="eastAsia"/>
          <w:sz w:val="28"/>
          <w:szCs w:val="28"/>
        </w:rPr>
        <w:t>相關證明文件的副本</w:t>
      </w:r>
      <w:r w:rsidR="0007416F">
        <w:rPr>
          <w:rFonts w:ascii="微軟正黑體" w:eastAsia="微軟正黑體" w:hAnsi="微軟正黑體" w:hint="eastAsia"/>
          <w:sz w:val="28"/>
          <w:szCs w:val="28"/>
        </w:rPr>
        <w:t>（詳見表格一）</w:t>
      </w:r>
      <w:r w:rsidR="007718F5" w:rsidRPr="007718F5">
        <w:rPr>
          <w:rFonts w:ascii="微軟正黑體" w:eastAsia="微軟正黑體" w:hAnsi="微軟正黑體" w:hint="eastAsia"/>
          <w:sz w:val="28"/>
          <w:szCs w:val="28"/>
        </w:rPr>
        <w:t>；</w:t>
      </w:r>
      <w:r w:rsidR="00843789">
        <w:rPr>
          <w:rFonts w:ascii="微軟正黑體" w:eastAsia="微軟正黑體" w:hAnsi="微軟正黑體" w:hint="eastAsia"/>
          <w:sz w:val="28"/>
          <w:szCs w:val="28"/>
        </w:rPr>
        <w:t xml:space="preserve"> </w:t>
      </w:r>
    </w:p>
    <w:p w14:paraId="36F2B3F2" w14:textId="5AB9B172" w:rsidR="6A950CAF" w:rsidRDefault="562B9AAC" w:rsidP="1134D8C9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1134D8C9">
        <w:rPr>
          <w:rFonts w:ascii="微軟正黑體" w:eastAsia="微軟正黑體" w:hAnsi="微軟正黑體"/>
          <w:sz w:val="28"/>
          <w:szCs w:val="28"/>
        </w:rPr>
        <w:t>長者服務單位收到機構已填妥的表格</w:t>
      </w:r>
      <w:proofErr w:type="gramStart"/>
      <w:r w:rsidRPr="1134D8C9">
        <w:rPr>
          <w:rFonts w:ascii="微軟正黑體" w:eastAsia="微軟正黑體" w:hAnsi="微軟正黑體"/>
          <w:sz w:val="28"/>
          <w:szCs w:val="28"/>
        </w:rPr>
        <w:t>一</w:t>
      </w:r>
      <w:proofErr w:type="gramEnd"/>
      <w:r w:rsidRPr="1134D8C9">
        <w:rPr>
          <w:rFonts w:ascii="微軟正黑體" w:eastAsia="微軟正黑體" w:hAnsi="微軟正黑體"/>
          <w:sz w:val="28"/>
          <w:szCs w:val="28"/>
        </w:rPr>
        <w:t>及相關證明文件的副本（如有）後，需填妥表格二，並將以上文件交回社聯。</w:t>
      </w:r>
    </w:p>
    <w:p w14:paraId="62EBF3C5" w14:textId="1CAC1C38" w:rsidR="00FE257F" w:rsidRDefault="00FE257F" w:rsidP="1134D8C9">
      <w:pPr>
        <w:pStyle w:val="ae"/>
        <w:spacing w:line="360" w:lineRule="exact"/>
        <w:jc w:val="both"/>
        <w:rPr>
          <w:rFonts w:ascii="微軟正黑體" w:eastAsia="微軟正黑體" w:hAnsi="微軟正黑體"/>
          <w:szCs w:val="24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450"/>
        <w:gridCol w:w="2194"/>
        <w:gridCol w:w="1985"/>
        <w:gridCol w:w="3173"/>
      </w:tblGrid>
      <w:tr w:rsidR="00827B7D" w:rsidRPr="008567D1" w14:paraId="1B12B802" w14:textId="77777777" w:rsidTr="00BC1F50">
        <w:tc>
          <w:tcPr>
            <w:tcW w:w="2450" w:type="dxa"/>
            <w:shd w:val="clear" w:color="auto" w:fill="BFBFBF"/>
            <w:vAlign w:val="center"/>
          </w:tcPr>
          <w:p w14:paraId="6D98A12B" w14:textId="77777777" w:rsidR="00827B7D" w:rsidRPr="008567D1" w:rsidRDefault="00827B7D" w:rsidP="008567D1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  <w:tc>
          <w:tcPr>
            <w:tcW w:w="2194" w:type="dxa"/>
            <w:shd w:val="clear" w:color="auto" w:fill="BFBFBF"/>
            <w:vAlign w:val="center"/>
          </w:tcPr>
          <w:p w14:paraId="789CEA16" w14:textId="77777777" w:rsidR="00827B7D" w:rsidRPr="005F3806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參與機構</w:t>
            </w:r>
          </w:p>
        </w:tc>
        <w:tc>
          <w:tcPr>
            <w:tcW w:w="1985" w:type="dxa"/>
            <w:shd w:val="clear" w:color="auto" w:fill="BFBFBF"/>
            <w:vAlign w:val="center"/>
          </w:tcPr>
          <w:p w14:paraId="649524EC" w14:textId="77777777" w:rsidR="00827B7D" w:rsidRPr="005F3806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長者服務單位</w:t>
            </w:r>
          </w:p>
        </w:tc>
        <w:tc>
          <w:tcPr>
            <w:tcW w:w="3173" w:type="dxa"/>
            <w:shd w:val="clear" w:color="auto" w:fill="BFBFBF"/>
            <w:vAlign w:val="center"/>
          </w:tcPr>
          <w:p w14:paraId="3958E831" w14:textId="77777777" w:rsidR="00827B7D" w:rsidRPr="005F3806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長者</w:t>
            </w:r>
          </w:p>
          <w:p w14:paraId="57FF7CA0" w14:textId="77777777" w:rsidR="00CA2E3D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0"/>
                <w:szCs w:val="20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0"/>
                <w:szCs w:val="20"/>
              </w:rPr>
              <w:t>(請先取得所屬的長者服務單位</w:t>
            </w:r>
          </w:p>
          <w:p w14:paraId="443CEF0C" w14:textId="77777777" w:rsidR="00827B7D" w:rsidRPr="005F3806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0"/>
                <w:szCs w:val="20"/>
              </w:rPr>
              <w:t>同意提名)</w:t>
            </w:r>
          </w:p>
        </w:tc>
      </w:tr>
      <w:tr w:rsidR="00827B7D" w:rsidRPr="008567D1" w14:paraId="1E30852E" w14:textId="77777777" w:rsidTr="00BC1F50">
        <w:trPr>
          <w:trHeight w:val="514"/>
        </w:trPr>
        <w:tc>
          <w:tcPr>
            <w:tcW w:w="2450" w:type="dxa"/>
            <w:shd w:val="clear" w:color="auto" w:fill="76923C"/>
            <w:vAlign w:val="center"/>
          </w:tcPr>
          <w:p w14:paraId="7FA2A892" w14:textId="77777777" w:rsidR="00827B7D" w:rsidRPr="008567D1" w:rsidRDefault="00827B7D" w:rsidP="008567D1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表格</w:t>
            </w:r>
            <w:proofErr w:type="gramStart"/>
            <w:r w:rsidRPr="008567D1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一</w:t>
            </w:r>
            <w:proofErr w:type="gramEnd"/>
          </w:p>
        </w:tc>
        <w:tc>
          <w:tcPr>
            <w:tcW w:w="2194" w:type="dxa"/>
            <w:shd w:val="clear" w:color="auto" w:fill="auto"/>
            <w:vAlign w:val="center"/>
          </w:tcPr>
          <w:p w14:paraId="4B82F072" w14:textId="77777777" w:rsidR="00827B7D" w:rsidRPr="008567D1" w:rsidRDefault="00827B7D" w:rsidP="005F3806">
            <w:pPr>
              <w:widowControl/>
              <w:adjustRightInd w:val="0"/>
              <w:snapToGrid w:val="0"/>
              <w:spacing w:line="32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填寫</w:t>
            </w:r>
          </w:p>
        </w:tc>
        <w:tc>
          <w:tcPr>
            <w:tcW w:w="1985" w:type="dxa"/>
            <w:vMerge w:val="restart"/>
            <w:shd w:val="clear" w:color="auto" w:fill="auto"/>
            <w:vAlign w:val="center"/>
          </w:tcPr>
          <w:p w14:paraId="30E716D4" w14:textId="77777777"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邀請參與機構</w:t>
            </w:r>
          </w:p>
          <w:p w14:paraId="74DF4592" w14:textId="77777777" w:rsidR="00827B7D" w:rsidRPr="008567D1" w:rsidRDefault="00BE5A25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填寫表格及</w:t>
            </w:r>
            <w:r w:rsidR="00827B7D"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提供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文件</w:t>
            </w:r>
          </w:p>
        </w:tc>
        <w:tc>
          <w:tcPr>
            <w:tcW w:w="3173" w:type="dxa"/>
            <w:vMerge w:val="restart"/>
            <w:shd w:val="clear" w:color="auto" w:fill="auto"/>
            <w:vAlign w:val="center"/>
          </w:tcPr>
          <w:p w14:paraId="04696F2E" w14:textId="77777777"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邀請參與機構</w:t>
            </w:r>
          </w:p>
          <w:p w14:paraId="36D9B8D6" w14:textId="77777777" w:rsidR="00827B7D" w:rsidRPr="008567D1" w:rsidRDefault="00BE5A25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填寫表格及</w:t>
            </w:r>
            <w:r w:rsidR="00827B7D"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提供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文件</w:t>
            </w:r>
          </w:p>
        </w:tc>
      </w:tr>
      <w:tr w:rsidR="00827B7D" w:rsidRPr="008567D1" w14:paraId="381DEBE5" w14:textId="77777777" w:rsidTr="00BC1F50">
        <w:tc>
          <w:tcPr>
            <w:tcW w:w="2450" w:type="dxa"/>
            <w:shd w:val="clear" w:color="auto" w:fill="76923C"/>
            <w:vAlign w:val="center"/>
          </w:tcPr>
          <w:p w14:paraId="55634EE4" w14:textId="77777777" w:rsidR="00827B7D" w:rsidRPr="008567D1" w:rsidRDefault="00827B7D" w:rsidP="008567D1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相關證明文件的副本</w:t>
            </w:r>
            <w:r w:rsidRPr="005F3806">
              <w:rPr>
                <w:rFonts w:ascii="微軟正黑體" w:eastAsia="微軟正黑體" w:hAnsi="微軟正黑體" w:hint="eastAsia"/>
                <w:b/>
                <w:szCs w:val="28"/>
              </w:rPr>
              <w:t>（詳見表格一）</w:t>
            </w:r>
          </w:p>
        </w:tc>
        <w:tc>
          <w:tcPr>
            <w:tcW w:w="2194" w:type="dxa"/>
            <w:shd w:val="clear" w:color="auto" w:fill="auto"/>
            <w:vAlign w:val="center"/>
          </w:tcPr>
          <w:p w14:paraId="4A09157E" w14:textId="77777777" w:rsidR="00827B7D" w:rsidRPr="005F3806" w:rsidRDefault="00827B7D" w:rsidP="005F3806">
            <w:pPr>
              <w:widowControl/>
              <w:adjustRightInd w:val="0"/>
              <w:snapToGrid w:val="0"/>
              <w:spacing w:line="32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提供</w:t>
            </w:r>
          </w:p>
        </w:tc>
        <w:tc>
          <w:tcPr>
            <w:tcW w:w="1985" w:type="dxa"/>
            <w:vMerge/>
            <w:shd w:val="clear" w:color="auto" w:fill="auto"/>
            <w:vAlign w:val="center"/>
          </w:tcPr>
          <w:p w14:paraId="2946DB82" w14:textId="77777777"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  <w:tc>
          <w:tcPr>
            <w:tcW w:w="3173" w:type="dxa"/>
            <w:vMerge/>
            <w:shd w:val="clear" w:color="auto" w:fill="auto"/>
            <w:vAlign w:val="center"/>
          </w:tcPr>
          <w:p w14:paraId="5997CC1D" w14:textId="77777777"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</w:tr>
      <w:tr w:rsidR="00827B7D" w:rsidRPr="008567D1" w14:paraId="68FD7DF3" w14:textId="77777777" w:rsidTr="00BC1F50">
        <w:tc>
          <w:tcPr>
            <w:tcW w:w="2450" w:type="dxa"/>
            <w:shd w:val="clear" w:color="auto" w:fill="76923C"/>
            <w:vAlign w:val="center"/>
          </w:tcPr>
          <w:p w14:paraId="2FEDAD51" w14:textId="77777777" w:rsidR="00827B7D" w:rsidRPr="008567D1" w:rsidRDefault="00827B7D" w:rsidP="008567D1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表格二</w:t>
            </w:r>
          </w:p>
        </w:tc>
        <w:tc>
          <w:tcPr>
            <w:tcW w:w="2194" w:type="dxa"/>
            <w:shd w:val="clear" w:color="auto" w:fill="auto"/>
            <w:vAlign w:val="center"/>
          </w:tcPr>
          <w:p w14:paraId="12CA7A59" w14:textId="77777777" w:rsidR="000152F3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邀請長者服務</w:t>
            </w:r>
          </w:p>
          <w:p w14:paraId="61BBBD16" w14:textId="77777777"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單位填寫</w:t>
            </w:r>
          </w:p>
        </w:tc>
        <w:tc>
          <w:tcPr>
            <w:tcW w:w="1985" w:type="dxa"/>
            <w:shd w:val="clear" w:color="auto" w:fill="auto"/>
            <w:vAlign w:val="center"/>
          </w:tcPr>
          <w:p w14:paraId="437EFC17" w14:textId="77777777"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填寫</w:t>
            </w:r>
          </w:p>
        </w:tc>
        <w:tc>
          <w:tcPr>
            <w:tcW w:w="3173" w:type="dxa"/>
            <w:tcBorders>
              <w:bottom w:val="single" w:sz="4" w:space="0" w:color="auto"/>
            </w:tcBorders>
            <w:shd w:val="clear" w:color="auto" w:fill="auto"/>
            <w:vAlign w:val="center"/>
          </w:tcPr>
          <w:p w14:paraId="0655D510" w14:textId="77777777"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邀請所屬的長者服務單位填寫</w:t>
            </w:r>
          </w:p>
        </w:tc>
      </w:tr>
      <w:tr w:rsidR="00827B7D" w:rsidRPr="008567D1" w14:paraId="41EAAD32" w14:textId="77777777" w:rsidTr="00BC1F50">
        <w:tc>
          <w:tcPr>
            <w:tcW w:w="2450" w:type="dxa"/>
            <w:shd w:val="clear" w:color="auto" w:fill="76923C"/>
            <w:vAlign w:val="center"/>
          </w:tcPr>
          <w:p w14:paraId="79215284" w14:textId="77777777" w:rsidR="00827B7D" w:rsidRPr="008567D1" w:rsidRDefault="00827B7D" w:rsidP="008567D1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遞交方法</w:t>
            </w:r>
          </w:p>
        </w:tc>
        <w:tc>
          <w:tcPr>
            <w:tcW w:w="4179" w:type="dxa"/>
            <w:gridSpan w:val="2"/>
            <w:shd w:val="clear" w:color="auto" w:fill="auto"/>
            <w:vAlign w:val="center"/>
          </w:tcPr>
          <w:p w14:paraId="00C51B7F" w14:textId="77777777" w:rsidR="000152F3" w:rsidRDefault="005F3806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向社聯遞交填妥的</w:t>
            </w:r>
          </w:p>
          <w:p w14:paraId="534FD30B" w14:textId="77777777" w:rsidR="00827B7D" w:rsidRPr="008567D1" w:rsidRDefault="005F3806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表格一、二，以及證明</w:t>
            </w:r>
            <w:r w:rsidR="002F54E1">
              <w:rPr>
                <w:rFonts w:ascii="微軟正黑體" w:eastAsia="微軟正黑體" w:hAnsi="微軟正黑體" w:hint="eastAsia"/>
                <w:sz w:val="28"/>
                <w:szCs w:val="28"/>
              </w:rPr>
              <w:t>文</w:t>
            </w:r>
            <w:r w:rsidR="00827B7D"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件副本</w:t>
            </w:r>
          </w:p>
        </w:tc>
        <w:tc>
          <w:tcPr>
            <w:tcW w:w="3173" w:type="dxa"/>
            <w:tcBorders>
              <w:bottom w:val="nil"/>
              <w:right w:val="nil"/>
            </w:tcBorders>
            <w:shd w:val="clear" w:color="auto" w:fill="auto"/>
            <w:vAlign w:val="center"/>
          </w:tcPr>
          <w:p w14:paraId="110FFD37" w14:textId="77777777"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</w:tr>
    </w:tbl>
    <w:p w14:paraId="6B699379" w14:textId="77777777" w:rsidR="00CC3225" w:rsidRDefault="00CC3225" w:rsidP="00827B7D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p w14:paraId="3FE9F23F" w14:textId="77777777" w:rsidR="00BC1F50" w:rsidRDefault="00BC1F50" w:rsidP="00827B7D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p w14:paraId="29477304" w14:textId="77777777" w:rsidR="000655EE" w:rsidRDefault="00843789" w:rsidP="008F581C">
      <w:pPr>
        <w:pStyle w:val="ae"/>
        <w:spacing w:line="360" w:lineRule="exact"/>
        <w:rPr>
          <w:rFonts w:ascii="微軟正黑體" w:eastAsia="微軟正黑體" w:hAnsi="微軟正黑體"/>
          <w:sz w:val="28"/>
          <w:szCs w:val="28"/>
        </w:rPr>
      </w:pPr>
      <w:r w:rsidRPr="00DA46B7">
        <w:rPr>
          <w:rFonts w:ascii="微軟正黑體" w:eastAsia="微軟正黑體" w:hAnsi="微軟正黑體" w:hint="eastAsia"/>
          <w:sz w:val="28"/>
          <w:szCs w:val="28"/>
        </w:rPr>
        <w:t>長者服務單位</w:t>
      </w:r>
      <w:r w:rsidR="00773D19" w:rsidRPr="00DA46B7">
        <w:rPr>
          <w:rFonts w:ascii="微軟正黑體" w:eastAsia="微軟正黑體" w:hAnsi="微軟正黑體" w:hint="eastAsia"/>
          <w:sz w:val="28"/>
          <w:szCs w:val="28"/>
        </w:rPr>
        <w:t>名單</w:t>
      </w:r>
      <w:r w:rsidRPr="00DA46B7">
        <w:rPr>
          <w:rFonts w:ascii="微軟正黑體" w:eastAsia="微軟正黑體" w:hAnsi="微軟正黑體" w:hint="eastAsia"/>
          <w:sz w:val="28"/>
          <w:szCs w:val="28"/>
        </w:rPr>
        <w:t>，可於社會福利署網頁</w:t>
      </w:r>
      <w:r w:rsidR="00BA35A3" w:rsidRPr="00DA46B7">
        <w:rPr>
          <w:rFonts w:ascii="微軟正黑體" w:eastAsia="微軟正黑體" w:hAnsi="微軟正黑體" w:hint="eastAsia"/>
          <w:sz w:val="28"/>
          <w:szCs w:val="28"/>
        </w:rPr>
        <w:t xml:space="preserve"> </w:t>
      </w:r>
      <w:proofErr w:type="gramStart"/>
      <w:r w:rsidR="006004E7" w:rsidRPr="00DA46B7">
        <w:rPr>
          <w:rFonts w:ascii="微軟正黑體" w:eastAsia="微軟正黑體" w:hAnsi="微軟正黑體" w:hint="eastAsia"/>
          <w:sz w:val="28"/>
          <w:szCs w:val="28"/>
        </w:rPr>
        <w:t>（</w:t>
      </w:r>
      <w:proofErr w:type="gramEnd"/>
      <w:r w:rsidR="00CA2E3D" w:rsidRPr="00CA2E3D">
        <w:rPr>
          <w:rFonts w:ascii="微軟正黑體" w:eastAsia="微軟正黑體" w:hAnsi="微軟正黑體"/>
          <w:sz w:val="28"/>
          <w:szCs w:val="28"/>
        </w:rPr>
        <w:t>https://www.swd.gov.hk/tc/index/site_pubsvc/page_elderly/</w:t>
      </w:r>
      <w:proofErr w:type="gramStart"/>
      <w:r w:rsidR="006004E7" w:rsidRPr="00DA46B7">
        <w:rPr>
          <w:rFonts w:ascii="微軟正黑體" w:eastAsia="微軟正黑體" w:hAnsi="微軟正黑體" w:hint="eastAsia"/>
          <w:sz w:val="28"/>
          <w:szCs w:val="28"/>
        </w:rPr>
        <w:t>）</w:t>
      </w:r>
      <w:proofErr w:type="gramEnd"/>
      <w:r w:rsidRPr="00DA46B7">
        <w:rPr>
          <w:rFonts w:ascii="微軟正黑體" w:eastAsia="微軟正黑體" w:hAnsi="微軟正黑體" w:hint="eastAsia"/>
          <w:sz w:val="28"/>
          <w:szCs w:val="28"/>
        </w:rPr>
        <w:t>或透過</w:t>
      </w:r>
      <w:r w:rsidR="000152F3">
        <w:rPr>
          <w:rFonts w:ascii="微軟正黑體" w:eastAsia="微軟正黑體" w:hAnsi="微軟正黑體" w:hint="eastAsia"/>
          <w:sz w:val="28"/>
          <w:szCs w:val="28"/>
        </w:rPr>
        <w:t>以下二維條碼</w:t>
      </w:r>
      <w:r w:rsidR="006004E7" w:rsidRPr="00DA46B7">
        <w:rPr>
          <w:rFonts w:ascii="微軟正黑體" w:eastAsia="微軟正黑體" w:hAnsi="微軟正黑體" w:hint="eastAsia"/>
          <w:sz w:val="28"/>
          <w:szCs w:val="28"/>
        </w:rPr>
        <w:t>查閱</w:t>
      </w:r>
      <w:r w:rsidR="00B30AB0" w:rsidRPr="00DA46B7">
        <w:rPr>
          <w:rFonts w:ascii="微軟正黑體" w:eastAsia="微軟正黑體" w:hAnsi="微軟正黑體" w:hint="eastAsia"/>
          <w:sz w:val="28"/>
          <w:szCs w:val="28"/>
        </w:rPr>
        <w:t>。</w:t>
      </w:r>
    </w:p>
    <w:tbl>
      <w:tblPr>
        <w:tblW w:w="1003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253"/>
        <w:gridCol w:w="1254"/>
        <w:gridCol w:w="1254"/>
        <w:gridCol w:w="1254"/>
        <w:gridCol w:w="1254"/>
        <w:gridCol w:w="1254"/>
        <w:gridCol w:w="1254"/>
        <w:gridCol w:w="1254"/>
      </w:tblGrid>
      <w:tr w:rsidR="002446EE" w:rsidRPr="001B4DA5" w14:paraId="794F0BC2" w14:textId="77777777" w:rsidTr="00636B95">
        <w:tc>
          <w:tcPr>
            <w:tcW w:w="1253" w:type="dxa"/>
            <w:shd w:val="clear" w:color="auto" w:fill="76923C"/>
          </w:tcPr>
          <w:p w14:paraId="2D7667AA" w14:textId="77777777" w:rsidR="002446EE" w:rsidRPr="001B4DA5" w:rsidRDefault="002370F5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0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長者地區中心</w:t>
              </w:r>
            </w:hyperlink>
          </w:p>
        </w:tc>
        <w:tc>
          <w:tcPr>
            <w:tcW w:w="1254" w:type="dxa"/>
          </w:tcPr>
          <w:p w14:paraId="1F72F646" w14:textId="77777777"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 wp14:anchorId="7C296D55" wp14:editId="07777777">
                  <wp:extent cx="659130" cy="659130"/>
                  <wp:effectExtent l="0" t="0" r="7620" b="7620"/>
                  <wp:docPr id="8" name="圖片 8" descr="長者地區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 descr="長者地區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14:paraId="2A168AB2" w14:textId="77777777" w:rsidR="002446EE" w:rsidRPr="001B4DA5" w:rsidRDefault="002446EE" w:rsidP="001B4DA5">
            <w:pPr>
              <w:pStyle w:val="a6"/>
              <w:adjustRightInd w:val="0"/>
              <w:snapToGrid w:val="0"/>
              <w:spacing w:line="240" w:lineRule="atLeast"/>
              <w:ind w:leftChars="0" w:left="0"/>
              <w:rPr>
                <w:rStyle w:val="ac"/>
                <w:rFonts w:ascii="微軟正黑體" w:eastAsia="微軟正黑體" w:hAnsi="微軟正黑體"/>
                <w:color w:val="FFFFFF"/>
              </w:rPr>
            </w:pPr>
            <w:r w:rsidRPr="001B4DA5">
              <w:rPr>
                <w:rFonts w:ascii="微軟正黑體" w:eastAsia="微軟正黑體" w:hAnsi="微軟正黑體"/>
                <w:color w:val="FFFFFF"/>
              </w:rPr>
              <w:fldChar w:fldCharType="begin"/>
            </w:r>
            <w:r w:rsidRPr="001B4DA5">
              <w:rPr>
                <w:rFonts w:ascii="微軟正黑體" w:eastAsia="微軟正黑體" w:hAnsi="微軟正黑體"/>
                <w:color w:val="FFFFFF"/>
              </w:rPr>
              <w:instrText xml:space="preserve"> HYPERLINK "https://goo.gl/Hs8CLY" </w:instrText>
            </w:r>
            <w:r w:rsidRPr="001B4DA5">
              <w:rPr>
                <w:rFonts w:ascii="微軟正黑體" w:eastAsia="微軟正黑體" w:hAnsi="微軟正黑體"/>
                <w:color w:val="FFFFFF"/>
              </w:rPr>
              <w:fldChar w:fldCharType="separate"/>
            </w:r>
            <w:r w:rsidRPr="001B4DA5">
              <w:rPr>
                <w:rStyle w:val="ac"/>
                <w:rFonts w:ascii="微軟正黑體" w:eastAsia="微軟正黑體" w:hAnsi="微軟正黑體" w:hint="eastAsia"/>
                <w:color w:val="FFFFFF"/>
              </w:rPr>
              <w:t>安老院舍</w:t>
            </w:r>
          </w:p>
          <w:p w14:paraId="60813A70" w14:textId="77777777" w:rsidR="002446EE" w:rsidRPr="001B4DA5" w:rsidRDefault="002446EE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1B4DA5">
              <w:rPr>
                <w:rStyle w:val="ac"/>
                <w:rFonts w:ascii="微軟正黑體" w:eastAsia="微軟正黑體" w:hAnsi="微軟正黑體" w:hint="eastAsia"/>
                <w:color w:val="FFFFFF"/>
                <w:sz w:val="16"/>
                <w:szCs w:val="16"/>
              </w:rPr>
              <w:t>(資助安老服務</w:t>
            </w:r>
            <w:proofErr w:type="gramStart"/>
            <w:r w:rsidRPr="001B4DA5">
              <w:rPr>
                <w:rStyle w:val="ac"/>
                <w:rFonts w:ascii="微軟正黑體" w:eastAsia="微軟正黑體" w:hAnsi="微軟正黑體" w:hint="eastAsia"/>
                <w:color w:val="FFFFFF"/>
                <w:sz w:val="16"/>
                <w:szCs w:val="16"/>
              </w:rPr>
              <w:t>宿位的津助</w:t>
            </w:r>
            <w:proofErr w:type="gramEnd"/>
            <w:r w:rsidRPr="001B4DA5">
              <w:rPr>
                <w:rStyle w:val="ac"/>
                <w:rFonts w:ascii="微軟正黑體" w:eastAsia="微軟正黑體" w:hAnsi="微軟正黑體" w:hint="eastAsia"/>
                <w:color w:val="FFFFFF"/>
                <w:sz w:val="16"/>
                <w:szCs w:val="16"/>
              </w:rPr>
              <w:t>院舍、自負盈虧院舍及合約安老院舍)</w:t>
            </w:r>
            <w:r w:rsidRPr="001B4DA5">
              <w:rPr>
                <w:rFonts w:ascii="微軟正黑體" w:eastAsia="微軟正黑體" w:hAnsi="微軟正黑體"/>
                <w:color w:val="FFFFFF"/>
              </w:rPr>
              <w:fldChar w:fldCharType="end"/>
            </w:r>
          </w:p>
        </w:tc>
        <w:tc>
          <w:tcPr>
            <w:tcW w:w="1254" w:type="dxa"/>
          </w:tcPr>
          <w:p w14:paraId="08CE6F91" w14:textId="77777777"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 wp14:anchorId="41804315" wp14:editId="07777777">
                  <wp:extent cx="659130" cy="659130"/>
                  <wp:effectExtent l="0" t="0" r="7620" b="7620"/>
                  <wp:docPr id="9" name="圖片 9" descr="下載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9" descr="下載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14:paraId="1D8659CB" w14:textId="77777777" w:rsidR="002446EE" w:rsidRPr="001B4DA5" w:rsidRDefault="002370F5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3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綜合家居照顧服務</w:t>
              </w:r>
            </w:hyperlink>
          </w:p>
        </w:tc>
        <w:tc>
          <w:tcPr>
            <w:tcW w:w="1254" w:type="dxa"/>
          </w:tcPr>
          <w:p w14:paraId="61CDCEAD" w14:textId="77777777"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 wp14:anchorId="067BC79D" wp14:editId="07777777">
                  <wp:extent cx="659130" cy="659130"/>
                  <wp:effectExtent l="0" t="0" r="7620" b="7620"/>
                  <wp:docPr id="2" name="圖片 10" descr="綜合家居照顧服務 (1)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 descr="綜合家居照顧服務 (1)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14:paraId="3DD293CC" w14:textId="77777777" w:rsidR="002446EE" w:rsidRPr="00B03550" w:rsidRDefault="000152F3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color w:val="FFFFFF"/>
                <w:sz w:val="28"/>
                <w:szCs w:val="28"/>
                <w:u w:val="single"/>
              </w:rPr>
            </w:pPr>
            <w:r w:rsidRPr="00B03550">
              <w:rPr>
                <w:rFonts w:ascii="微軟正黑體" w:eastAsia="微軟正黑體" w:hAnsi="微軟正黑體" w:hint="eastAsia"/>
                <w:color w:val="FFFFFF"/>
                <w:u w:val="single"/>
              </w:rPr>
              <w:t>自負盈虧長者日間護理中心</w:t>
            </w:r>
          </w:p>
        </w:tc>
        <w:tc>
          <w:tcPr>
            <w:tcW w:w="1254" w:type="dxa"/>
          </w:tcPr>
          <w:p w14:paraId="6BB9E253" w14:textId="77777777"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 wp14:anchorId="5DF1E4D2" wp14:editId="07777777">
                  <wp:extent cx="659130" cy="659130"/>
                  <wp:effectExtent l="0" t="0" r="7620" b="7620"/>
                  <wp:docPr id="1" name="圖片 11" descr="長者日間護理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1" descr="長者日間護理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446EE" w:rsidRPr="001B4DA5" w14:paraId="3F7D1438" w14:textId="77777777" w:rsidTr="00636B95">
        <w:tc>
          <w:tcPr>
            <w:tcW w:w="1253" w:type="dxa"/>
            <w:shd w:val="clear" w:color="auto" w:fill="76923C"/>
          </w:tcPr>
          <w:p w14:paraId="4DB72E85" w14:textId="77777777" w:rsidR="002446EE" w:rsidRPr="001B4DA5" w:rsidRDefault="002370F5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6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長者鄰舍中心</w:t>
              </w:r>
            </w:hyperlink>
          </w:p>
        </w:tc>
        <w:tc>
          <w:tcPr>
            <w:tcW w:w="1254" w:type="dxa"/>
          </w:tcPr>
          <w:p w14:paraId="23DE523C" w14:textId="77777777"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 wp14:anchorId="4B8C9FB0" wp14:editId="07777777">
                  <wp:extent cx="659130" cy="659130"/>
                  <wp:effectExtent l="0" t="0" r="7620" b="7620"/>
                  <wp:docPr id="12" name="圖片 12" descr="長者鄰舍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 descr="長者鄰舍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14:paraId="2A3C5BEB" w14:textId="77777777" w:rsidR="002446EE" w:rsidRPr="001B4DA5" w:rsidRDefault="002370F5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8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長者日間護理中心</w:t>
              </w:r>
            </w:hyperlink>
          </w:p>
        </w:tc>
        <w:tc>
          <w:tcPr>
            <w:tcW w:w="1254" w:type="dxa"/>
          </w:tcPr>
          <w:p w14:paraId="52E56223" w14:textId="77777777"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 wp14:anchorId="0043C1EE" wp14:editId="07777777">
                  <wp:extent cx="659130" cy="659130"/>
                  <wp:effectExtent l="0" t="0" r="7620" b="7620"/>
                  <wp:docPr id="13" name="圖片 13" descr="長者日間護理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3" descr="長者日間護理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14:paraId="5BCCB77A" w14:textId="77777777" w:rsidR="002446EE" w:rsidRPr="001B4DA5" w:rsidRDefault="002370F5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9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改善家居及社區照顧服務</w:t>
              </w:r>
            </w:hyperlink>
          </w:p>
        </w:tc>
        <w:tc>
          <w:tcPr>
            <w:tcW w:w="1254" w:type="dxa"/>
          </w:tcPr>
          <w:p w14:paraId="07547A01" w14:textId="77777777"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 wp14:anchorId="70A0E290" wp14:editId="07777777">
                  <wp:extent cx="659130" cy="659130"/>
                  <wp:effectExtent l="0" t="0" r="7620" b="7620"/>
                  <wp:docPr id="14" name="圖片 14" descr="改善家居及社區照顧服務 (1)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4" descr="改善家居及社區照顧服務 (1)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14:paraId="36171F49" w14:textId="77777777" w:rsidR="002446EE" w:rsidRPr="001B4DA5" w:rsidRDefault="002370F5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hyperlink r:id="rId21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長者度假中心</w:t>
              </w:r>
            </w:hyperlink>
          </w:p>
        </w:tc>
        <w:tc>
          <w:tcPr>
            <w:tcW w:w="1254" w:type="dxa"/>
          </w:tcPr>
          <w:p w14:paraId="5043CB0F" w14:textId="77777777"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 wp14:anchorId="7EF81211" wp14:editId="07777777">
                  <wp:extent cx="659130" cy="659130"/>
                  <wp:effectExtent l="0" t="0" r="7620" b="7620"/>
                  <wp:docPr id="15" name="圖片 15" descr="長者度假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5" descr="長者度假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07459315" w14:textId="77777777" w:rsidR="005F3806" w:rsidRDefault="005F3806" w:rsidP="00CC3225">
      <w:pPr>
        <w:pStyle w:val="a6"/>
        <w:adjustRightInd w:val="0"/>
        <w:snapToGrid w:val="0"/>
        <w:spacing w:line="300" w:lineRule="auto"/>
        <w:ind w:leftChars="0" w:left="0"/>
        <w:rPr>
          <w:rFonts w:ascii="微軟正黑體" w:eastAsia="微軟正黑體" w:hAnsi="微軟正黑體"/>
          <w:b/>
          <w:color w:val="76923C"/>
          <w:sz w:val="32"/>
        </w:rPr>
      </w:pPr>
    </w:p>
    <w:p w14:paraId="591B2E35" w14:textId="5B3F1083" w:rsidR="6A950CAF" w:rsidRDefault="26FBDEC6" w:rsidP="6A950CAF">
      <w:pPr>
        <w:pStyle w:val="a6"/>
        <w:spacing w:line="300" w:lineRule="auto"/>
        <w:ind w:leftChars="0" w:left="0"/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</w:pPr>
      <w:r w:rsidRPr="1134D8C9"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  <w:t>截止日期</w:t>
      </w:r>
      <w:r w:rsidR="2C9E9E78" w:rsidRPr="1134D8C9"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  <w:t>：</w:t>
      </w:r>
      <w:r w:rsidRPr="1134D8C9"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  <w:t>2022年</w:t>
      </w:r>
      <w:bookmarkStart w:id="0" w:name="_GoBack"/>
      <w:bookmarkEnd w:id="0"/>
      <w:r w:rsidR="002370F5"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  <w:t>8</w:t>
      </w:r>
      <w:r w:rsidRPr="1134D8C9"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  <w:t>月31日</w:t>
      </w:r>
    </w:p>
    <w:p w14:paraId="0D001EFD" w14:textId="263AF9A6" w:rsidR="6A950CAF" w:rsidRDefault="6A950CAF" w:rsidP="6A950CAF">
      <w:pPr>
        <w:pStyle w:val="a6"/>
        <w:spacing w:line="300" w:lineRule="auto"/>
        <w:ind w:leftChars="0" w:left="0"/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</w:pPr>
    </w:p>
    <w:p w14:paraId="74BE53A6" w14:textId="77777777" w:rsidR="00CC3225" w:rsidRPr="00464A7F" w:rsidRDefault="00CC3225" w:rsidP="00CC3225">
      <w:pPr>
        <w:pStyle w:val="a6"/>
        <w:adjustRightInd w:val="0"/>
        <w:snapToGrid w:val="0"/>
        <w:spacing w:line="300" w:lineRule="auto"/>
        <w:ind w:leftChars="0" w:left="0"/>
        <w:rPr>
          <w:rFonts w:ascii="微軟正黑體" w:eastAsia="微軟正黑體" w:hAnsi="微軟正黑體"/>
          <w:b/>
          <w:color w:val="76923C"/>
          <w:sz w:val="32"/>
        </w:rPr>
      </w:pPr>
      <w:r w:rsidRPr="00464A7F">
        <w:rPr>
          <w:rFonts w:ascii="微軟正黑體" w:eastAsia="微軟正黑體" w:hAnsi="微軟正黑體" w:hint="eastAsia"/>
          <w:b/>
          <w:color w:val="76923C"/>
          <w:sz w:val="32"/>
        </w:rPr>
        <w:t>遞交方法</w:t>
      </w:r>
    </w:p>
    <w:p w14:paraId="062D30B1" w14:textId="77777777" w:rsidR="00CC3225" w:rsidRDefault="00CC3225" w:rsidP="00CC322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從以下</w:t>
      </w:r>
      <w:r w:rsidR="00B026B1">
        <w:rPr>
          <w:rFonts w:ascii="微軟正黑體" w:eastAsia="微軟正黑體" w:hAnsi="微軟正黑體" w:hint="eastAsia"/>
          <w:sz w:val="28"/>
          <w:szCs w:val="28"/>
        </w:rPr>
        <w:t>任何一個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方法遞交</w:t>
      </w:r>
      <w:r w:rsidR="00C33AEC">
        <w:rPr>
          <w:rFonts w:ascii="微軟正黑體" w:eastAsia="微軟正黑體" w:hAnsi="微軟正黑體" w:hint="eastAsia"/>
          <w:sz w:val="28"/>
          <w:szCs w:val="28"/>
        </w:rPr>
        <w:t>填妥的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參加表格</w:t>
      </w:r>
      <w:r w:rsidR="00C33AEC">
        <w:rPr>
          <w:rFonts w:ascii="微軟正黑體" w:eastAsia="微軟正黑體" w:hAnsi="微軟正黑體" w:hint="eastAsia"/>
          <w:sz w:val="28"/>
          <w:szCs w:val="28"/>
        </w:rPr>
        <w:t>：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表格一、表格二、</w:t>
      </w:r>
      <w:r w:rsidR="00C33AEC">
        <w:rPr>
          <w:rFonts w:ascii="微軟正黑體" w:eastAsia="微軟正黑體" w:hAnsi="微軟正黑體" w:hint="eastAsia"/>
          <w:sz w:val="28"/>
          <w:szCs w:val="28"/>
        </w:rPr>
        <w:t>相關證明文件的副本（如有）</w:t>
      </w:r>
    </w:p>
    <w:p w14:paraId="6537F28F" w14:textId="77777777" w:rsidR="00B30AB0" w:rsidRDefault="00B30AB0" w:rsidP="00CC322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</w:rPr>
      </w:pP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8701"/>
      </w:tblGrid>
      <w:tr w:rsidR="00C33AEC" w:rsidRPr="002B2108" w14:paraId="55205111" w14:textId="77777777" w:rsidTr="4FFB4693">
        <w:tc>
          <w:tcPr>
            <w:tcW w:w="1101" w:type="dxa"/>
            <w:shd w:val="clear" w:color="auto" w:fill="auto"/>
          </w:tcPr>
          <w:p w14:paraId="0853C49D" w14:textId="77777777" w:rsidR="00C33AEC" w:rsidRPr="002B2108" w:rsidRDefault="00C33AEC" w:rsidP="00BC1F50">
            <w:pPr>
              <w:widowControl/>
              <w:adjustRightInd w:val="0"/>
              <w:snapToGrid w:val="0"/>
              <w:spacing w:line="340" w:lineRule="exact"/>
              <w:jc w:val="both"/>
              <w:rPr>
                <w:rFonts w:ascii="微軟正黑體" w:eastAsia="微軟正黑體" w:hAnsi="微軟正黑體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傳真：</w:t>
            </w:r>
          </w:p>
        </w:tc>
        <w:tc>
          <w:tcPr>
            <w:tcW w:w="8701" w:type="dxa"/>
            <w:shd w:val="clear" w:color="auto" w:fill="auto"/>
            <w:vAlign w:val="center"/>
          </w:tcPr>
          <w:p w14:paraId="1C2756BA" w14:textId="77777777" w:rsidR="00C33AEC" w:rsidRPr="002B2108" w:rsidRDefault="00C33AEC" w:rsidP="00BC1F50">
            <w:pPr>
              <w:widowControl/>
              <w:adjustRightInd w:val="0"/>
              <w:snapToGrid w:val="0"/>
              <w:spacing w:line="340" w:lineRule="exact"/>
              <w:jc w:val="both"/>
              <w:rPr>
                <w:rFonts w:ascii="微軟正黑體" w:eastAsia="微軟正黑體" w:hAnsi="微軟正黑體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2866 0863</w:t>
            </w:r>
          </w:p>
        </w:tc>
      </w:tr>
      <w:tr w:rsidR="00C33AEC" w:rsidRPr="002B2108" w14:paraId="633A67E0" w14:textId="77777777" w:rsidTr="4FFB4693">
        <w:tc>
          <w:tcPr>
            <w:tcW w:w="1101" w:type="dxa"/>
            <w:shd w:val="clear" w:color="auto" w:fill="auto"/>
          </w:tcPr>
          <w:p w14:paraId="62D9507F" w14:textId="77777777" w:rsidR="00C33AEC" w:rsidRPr="002B2108" w:rsidRDefault="00C33AEC" w:rsidP="00BC1F50">
            <w:pPr>
              <w:widowControl/>
              <w:adjustRightInd w:val="0"/>
              <w:snapToGrid w:val="0"/>
              <w:spacing w:line="340" w:lineRule="exact"/>
              <w:jc w:val="both"/>
              <w:rPr>
                <w:rFonts w:ascii="微軟正黑體" w:eastAsia="微軟正黑體" w:hAnsi="微軟正黑體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電郵：</w:t>
            </w:r>
          </w:p>
        </w:tc>
        <w:tc>
          <w:tcPr>
            <w:tcW w:w="8701" w:type="dxa"/>
            <w:shd w:val="clear" w:color="auto" w:fill="auto"/>
            <w:vAlign w:val="center"/>
          </w:tcPr>
          <w:p w14:paraId="78434CBB" w14:textId="77777777" w:rsidR="00C33AEC" w:rsidRPr="002B2108" w:rsidRDefault="00827B7D" w:rsidP="00BC1F50">
            <w:pPr>
              <w:widowControl/>
              <w:adjustRightInd w:val="0"/>
              <w:snapToGrid w:val="0"/>
              <w:spacing w:line="340" w:lineRule="exact"/>
              <w:jc w:val="both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afhk</w:t>
            </w:r>
            <w:r w:rsidR="00282577" w:rsidRPr="00B30AB0">
              <w:rPr>
                <w:rFonts w:ascii="微軟正黑體" w:eastAsia="微軟正黑體" w:hAnsi="微軟正黑體" w:hint="eastAsia"/>
                <w:sz w:val="28"/>
                <w:szCs w:val="28"/>
              </w:rPr>
              <w:t>@hkcss.org.hk</w:t>
            </w:r>
          </w:p>
        </w:tc>
      </w:tr>
      <w:tr w:rsidR="00C33AEC" w:rsidRPr="002B2108" w14:paraId="6C819F49" w14:textId="77777777" w:rsidTr="4FFB4693">
        <w:tc>
          <w:tcPr>
            <w:tcW w:w="1101" w:type="dxa"/>
            <w:shd w:val="clear" w:color="auto" w:fill="auto"/>
          </w:tcPr>
          <w:p w14:paraId="3878D36D" w14:textId="77777777" w:rsidR="00C33AEC" w:rsidRPr="00282577" w:rsidRDefault="00C33AEC" w:rsidP="002B2108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郵寄：</w:t>
            </w:r>
          </w:p>
        </w:tc>
        <w:tc>
          <w:tcPr>
            <w:tcW w:w="8701" w:type="dxa"/>
            <w:shd w:val="clear" w:color="auto" w:fill="auto"/>
            <w:vAlign w:val="center"/>
          </w:tcPr>
          <w:p w14:paraId="5DA3F240" w14:textId="77777777" w:rsidR="00A07A2C" w:rsidRDefault="00C33AEC" w:rsidP="002B2108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香港灣仔軒尼詩道15號</w:t>
            </w:r>
          </w:p>
          <w:p w14:paraId="3953D864" w14:textId="77777777" w:rsidR="00A07A2C" w:rsidRDefault="00C33AEC" w:rsidP="002B2108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溫莎公爵社會服務大廈12樓 (服務發展 - 長者服務)</w:t>
            </w:r>
          </w:p>
          <w:p w14:paraId="47C7966E" w14:textId="267A0782" w:rsidR="00C33AEC" w:rsidRPr="00A07A2C" w:rsidRDefault="442661C4" w:rsidP="4FFB4693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sz w:val="22"/>
              </w:rPr>
            </w:pPr>
            <w:r w:rsidRPr="4FFB4693">
              <w:rPr>
                <w:rFonts w:ascii="微軟正黑體" w:eastAsia="微軟正黑體" w:hAnsi="微軟正黑體"/>
              </w:rPr>
              <w:t>信封面請註明「2021-2022長者友善措施致意行動」</w:t>
            </w:r>
          </w:p>
          <w:p w14:paraId="20036F65" w14:textId="77777777" w:rsidR="00C33AEC" w:rsidRPr="002B2108" w:rsidRDefault="00681873" w:rsidP="002B2108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</w:rPr>
            </w:pPr>
            <w:r w:rsidRPr="00A07A2C">
              <w:rPr>
                <w:rFonts w:ascii="微軟正黑體" w:eastAsia="微軟正黑體" w:hAnsi="微軟正黑體" w:hint="eastAsia"/>
              </w:rPr>
              <w:t>（申請日期以郵戳為</w:t>
            </w:r>
            <w:proofErr w:type="gramStart"/>
            <w:r w:rsidRPr="00A07A2C">
              <w:rPr>
                <w:rFonts w:ascii="微軟正黑體" w:eastAsia="微軟正黑體" w:hAnsi="微軟正黑體" w:hint="eastAsia"/>
              </w:rPr>
              <w:t>準</w:t>
            </w:r>
            <w:proofErr w:type="gramEnd"/>
            <w:r w:rsidRPr="00A07A2C">
              <w:rPr>
                <w:rFonts w:ascii="微軟正黑體" w:eastAsia="微軟正黑體" w:hAnsi="微軟正黑體" w:hint="eastAsia"/>
              </w:rPr>
              <w:t>）</w:t>
            </w:r>
          </w:p>
        </w:tc>
      </w:tr>
    </w:tbl>
    <w:p w14:paraId="6DFB9E20" w14:textId="77777777" w:rsidR="00C33AEC" w:rsidRPr="000D408F" w:rsidRDefault="00C33AEC" w:rsidP="00CC322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</w:rPr>
      </w:pPr>
    </w:p>
    <w:p w14:paraId="0E5079AD" w14:textId="613AE6ED" w:rsidR="00CC3225" w:rsidRPr="008F19D4" w:rsidRDefault="3D5F0461" w:rsidP="4FFB4693">
      <w:pPr>
        <w:pStyle w:val="a6"/>
        <w:adjustRightInd w:val="0"/>
        <w:snapToGrid w:val="0"/>
        <w:spacing w:line="300" w:lineRule="auto"/>
        <w:ind w:leftChars="0" w:left="0"/>
        <w:rPr>
          <w:rFonts w:ascii="微軟正黑體" w:eastAsia="微軟正黑體" w:hAnsi="微軟正黑體"/>
          <w:color w:val="76923C"/>
          <w:sz w:val="28"/>
          <w:szCs w:val="28"/>
        </w:rPr>
      </w:pPr>
      <w:r w:rsidRPr="1134D8C9">
        <w:rPr>
          <w:rFonts w:ascii="微軟正黑體" w:eastAsia="微軟正黑體" w:hAnsi="微軟正黑體"/>
          <w:b/>
          <w:bCs/>
          <w:color w:val="76923C" w:themeColor="accent3" w:themeShade="BF"/>
          <w:sz w:val="26"/>
          <w:szCs w:val="26"/>
        </w:rPr>
        <w:t>如有查詢，請致電2864</w:t>
      </w:r>
      <w:r w:rsidR="5BA1F887" w:rsidRPr="1134D8C9">
        <w:rPr>
          <w:rFonts w:ascii="微軟正黑體" w:eastAsia="微軟正黑體" w:hAnsi="微軟正黑體"/>
          <w:b/>
          <w:bCs/>
          <w:color w:val="76923C" w:themeColor="accent3" w:themeShade="BF"/>
          <w:sz w:val="26"/>
          <w:szCs w:val="26"/>
        </w:rPr>
        <w:t xml:space="preserve"> </w:t>
      </w:r>
      <w:r w:rsidRPr="1134D8C9">
        <w:rPr>
          <w:rFonts w:ascii="微軟正黑體" w:eastAsia="微軟正黑體" w:hAnsi="微軟正黑體"/>
          <w:b/>
          <w:bCs/>
          <w:color w:val="76923C" w:themeColor="accent3" w:themeShade="BF"/>
          <w:sz w:val="26"/>
          <w:szCs w:val="26"/>
        </w:rPr>
        <w:t xml:space="preserve">2959 或2876 2409，或以電郵 </w:t>
      </w:r>
      <w:hyperlink r:id="rId23">
        <w:r w:rsidRPr="1134D8C9">
          <w:rPr>
            <w:rStyle w:val="ac"/>
            <w:rFonts w:ascii="微軟正黑體" w:eastAsia="微軟正黑體" w:hAnsi="微軟正黑體"/>
            <w:b/>
            <w:bCs/>
            <w:sz w:val="26"/>
            <w:szCs w:val="26"/>
          </w:rPr>
          <w:t>afhk@hkcss.org.hk</w:t>
        </w:r>
      </w:hyperlink>
      <w:r w:rsidRPr="1134D8C9">
        <w:rPr>
          <w:rFonts w:ascii="微軟正黑體" w:eastAsia="微軟正黑體" w:hAnsi="微軟正黑體"/>
          <w:b/>
          <w:bCs/>
          <w:color w:val="76923C" w:themeColor="accent3" w:themeShade="BF"/>
          <w:sz w:val="26"/>
          <w:szCs w:val="26"/>
        </w:rPr>
        <w:t>與社聯長者服務部聯絡。</w:t>
      </w:r>
      <w:r w:rsidR="6CBA15F5" w:rsidRPr="1134D8C9"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  <w:br w:type="page"/>
      </w:r>
      <w:r w:rsidR="4FBE227F" w:rsidRPr="1134D8C9">
        <w:rPr>
          <w:rFonts w:ascii="微軟正黑體" w:eastAsia="微軟正黑體" w:hAnsi="微軟正黑體"/>
          <w:b/>
          <w:bCs/>
          <w:color w:val="76923C" w:themeColor="accent3" w:themeShade="BF"/>
          <w:sz w:val="32"/>
          <w:szCs w:val="32"/>
        </w:rPr>
        <w:lastRenderedPageBreak/>
        <w:t>時間表</w:t>
      </w:r>
    </w:p>
    <w:tbl>
      <w:tblPr>
        <w:tblW w:w="0" w:type="auto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6" w:space="0" w:color="FFFFFF"/>
          <w:insideV w:val="single" w:sz="6" w:space="0" w:color="FFFFFF"/>
        </w:tblBorders>
        <w:tblLook w:val="0400" w:firstRow="0" w:lastRow="0" w:firstColumn="0" w:lastColumn="0" w:noHBand="0" w:noVBand="1"/>
      </w:tblPr>
      <w:tblGrid>
        <w:gridCol w:w="2747"/>
        <w:gridCol w:w="3402"/>
      </w:tblGrid>
      <w:tr w:rsidR="008F581C" w:rsidRPr="00702BFA" w14:paraId="3E49B7D8" w14:textId="77777777" w:rsidTr="4FFB4693">
        <w:trPr>
          <w:trHeight w:val="133"/>
        </w:trPr>
        <w:tc>
          <w:tcPr>
            <w:tcW w:w="2747" w:type="dxa"/>
            <w:tcBorders>
              <w:top w:val="single" w:sz="8" w:space="0" w:color="FFFFFF" w:themeColor="background1"/>
              <w:left w:val="single" w:sz="8" w:space="0" w:color="FFFFFF" w:themeColor="background1"/>
              <w:bottom w:val="single" w:sz="8" w:space="0" w:color="FFFFFF" w:themeColor="background1"/>
              <w:right w:val="single" w:sz="8" w:space="0" w:color="FFFFFF" w:themeColor="background1"/>
            </w:tcBorders>
            <w:shd w:val="clear" w:color="auto" w:fill="76923C" w:themeFill="accent3" w:themeFillShade="BF"/>
            <w:vAlign w:val="center"/>
          </w:tcPr>
          <w:p w14:paraId="60A5858F" w14:textId="77777777" w:rsidR="008F581C" w:rsidRPr="00702BFA" w:rsidRDefault="008F581C" w:rsidP="00CC3225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  <w:t>開始接受提名</w:t>
            </w:r>
          </w:p>
        </w:tc>
        <w:tc>
          <w:tcPr>
            <w:tcW w:w="3402" w:type="dxa"/>
            <w:tcBorders>
              <w:top w:val="single" w:sz="8" w:space="0" w:color="FFFFFF" w:themeColor="background1"/>
              <w:left w:val="single" w:sz="8" w:space="0" w:color="FFFFFF" w:themeColor="background1"/>
              <w:bottom w:val="single" w:sz="8" w:space="0" w:color="FFFFFF" w:themeColor="background1"/>
              <w:right w:val="single" w:sz="8" w:space="0" w:color="FFFFFF" w:themeColor="background1"/>
            </w:tcBorders>
            <w:shd w:val="clear" w:color="auto" w:fill="C2D69B" w:themeFill="accent3" w:themeFillTint="99"/>
            <w:vAlign w:val="center"/>
          </w:tcPr>
          <w:p w14:paraId="7AA3274F" w14:textId="52EE95B6" w:rsidR="008F581C" w:rsidRPr="00702BFA" w:rsidRDefault="1AA06A88" w:rsidP="00D17318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sz w:val="28"/>
                <w:szCs w:val="28"/>
              </w:rPr>
            </w:pPr>
            <w:r w:rsidRPr="4FFB4693">
              <w:rPr>
                <w:rFonts w:ascii="微軟正黑體" w:eastAsia="微軟正黑體" w:hAnsi="微軟正黑體"/>
                <w:sz w:val="28"/>
                <w:szCs w:val="28"/>
              </w:rPr>
              <w:t>2022年5月5日</w:t>
            </w:r>
          </w:p>
        </w:tc>
      </w:tr>
      <w:tr w:rsidR="008F581C" w:rsidRPr="00702BFA" w14:paraId="52AB49CC" w14:textId="77777777" w:rsidTr="4FFB4693">
        <w:tc>
          <w:tcPr>
            <w:tcW w:w="2747" w:type="dxa"/>
            <w:shd w:val="clear" w:color="auto" w:fill="76923C" w:themeFill="accent3" w:themeFillShade="BF"/>
            <w:vAlign w:val="center"/>
          </w:tcPr>
          <w:p w14:paraId="15E54AA7" w14:textId="77777777" w:rsidR="008F581C" w:rsidRPr="00702BFA" w:rsidRDefault="008F581C" w:rsidP="00CC3225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  <w:t>截止提名日期</w:t>
            </w:r>
          </w:p>
        </w:tc>
        <w:tc>
          <w:tcPr>
            <w:tcW w:w="3402" w:type="dxa"/>
            <w:shd w:val="clear" w:color="auto" w:fill="C2D69B" w:themeFill="accent3" w:themeFillTint="99"/>
            <w:vAlign w:val="center"/>
          </w:tcPr>
          <w:p w14:paraId="175FCB42" w14:textId="3DB19445" w:rsidR="008F581C" w:rsidRPr="00702BFA" w:rsidRDefault="1AA06A88" w:rsidP="000C24FD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sz w:val="28"/>
                <w:szCs w:val="28"/>
              </w:rPr>
            </w:pPr>
            <w:r w:rsidRPr="4FFB4693">
              <w:rPr>
                <w:rFonts w:ascii="微軟正黑體" w:eastAsia="微軟正黑體" w:hAnsi="微軟正黑體"/>
                <w:sz w:val="28"/>
                <w:szCs w:val="28"/>
              </w:rPr>
              <w:t>2022年</w:t>
            </w:r>
            <w:r w:rsidR="002370F5">
              <w:rPr>
                <w:rFonts w:ascii="微軟正黑體" w:eastAsia="微軟正黑體" w:hAnsi="微軟正黑體" w:hint="eastAsia"/>
                <w:sz w:val="28"/>
                <w:szCs w:val="28"/>
              </w:rPr>
              <w:t>8</w:t>
            </w:r>
            <w:r w:rsidRPr="4FFB4693">
              <w:rPr>
                <w:rFonts w:ascii="微軟正黑體" w:eastAsia="微軟正黑體" w:hAnsi="微軟正黑體"/>
                <w:sz w:val="28"/>
                <w:szCs w:val="28"/>
              </w:rPr>
              <w:t>月31日</w:t>
            </w:r>
          </w:p>
        </w:tc>
      </w:tr>
      <w:tr w:rsidR="008F581C" w:rsidRPr="00702BFA" w14:paraId="118EDF29" w14:textId="77777777" w:rsidTr="4FFB4693">
        <w:tc>
          <w:tcPr>
            <w:tcW w:w="2747" w:type="dxa"/>
            <w:tcBorders>
              <w:top w:val="single" w:sz="8" w:space="0" w:color="FFFFFF" w:themeColor="background1"/>
              <w:left w:val="single" w:sz="8" w:space="0" w:color="FFFFFF" w:themeColor="background1"/>
              <w:bottom w:val="single" w:sz="8" w:space="0" w:color="FFFFFF" w:themeColor="background1"/>
              <w:right w:val="single" w:sz="8" w:space="0" w:color="FFFFFF" w:themeColor="background1"/>
            </w:tcBorders>
            <w:shd w:val="clear" w:color="auto" w:fill="76923C" w:themeFill="accent3" w:themeFillShade="BF"/>
            <w:vAlign w:val="center"/>
          </w:tcPr>
          <w:p w14:paraId="7E68BDB0" w14:textId="77777777" w:rsidR="008F581C" w:rsidRPr="00702BFA" w:rsidRDefault="008F581C" w:rsidP="00CC3225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  <w:t>通知提名結果</w:t>
            </w:r>
          </w:p>
        </w:tc>
        <w:tc>
          <w:tcPr>
            <w:tcW w:w="3402" w:type="dxa"/>
            <w:tcBorders>
              <w:top w:val="single" w:sz="8" w:space="0" w:color="FFFFFF" w:themeColor="background1"/>
              <w:left w:val="single" w:sz="8" w:space="0" w:color="FFFFFF" w:themeColor="background1"/>
              <w:bottom w:val="single" w:sz="8" w:space="0" w:color="FFFFFF" w:themeColor="background1"/>
              <w:right w:val="single" w:sz="8" w:space="0" w:color="FFFFFF" w:themeColor="background1"/>
            </w:tcBorders>
            <w:shd w:val="clear" w:color="auto" w:fill="C2D69B" w:themeFill="accent3" w:themeFillTint="99"/>
            <w:vAlign w:val="center"/>
          </w:tcPr>
          <w:p w14:paraId="4F504E89" w14:textId="5635980A" w:rsidR="008F581C" w:rsidRPr="00702BFA" w:rsidRDefault="1AA06A88" w:rsidP="000C24FD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sz w:val="28"/>
                <w:szCs w:val="28"/>
              </w:rPr>
            </w:pPr>
            <w:r w:rsidRPr="4FFB4693">
              <w:rPr>
                <w:rFonts w:ascii="微軟正黑體" w:eastAsia="微軟正黑體" w:hAnsi="微軟正黑體"/>
                <w:sz w:val="28"/>
                <w:szCs w:val="28"/>
              </w:rPr>
              <w:t>2022年</w:t>
            </w:r>
            <w:r w:rsidR="002370F5">
              <w:rPr>
                <w:rFonts w:ascii="微軟正黑體" w:eastAsia="微軟正黑體" w:hAnsi="微軟正黑體" w:hint="eastAsia"/>
                <w:sz w:val="28"/>
                <w:szCs w:val="28"/>
              </w:rPr>
              <w:t>9</w:t>
            </w:r>
            <w:r w:rsidR="7FEAAADA" w:rsidRPr="4FFB4693">
              <w:rPr>
                <w:rFonts w:ascii="微軟正黑體" w:eastAsia="微軟正黑體" w:hAnsi="微軟正黑體"/>
                <w:sz w:val="28"/>
                <w:szCs w:val="28"/>
                <w:lang w:eastAsia="zh-HK"/>
              </w:rPr>
              <w:t>-</w:t>
            </w:r>
            <w:r w:rsidR="002370F5">
              <w:rPr>
                <w:rFonts w:ascii="微軟正黑體" w:eastAsia="微軟正黑體" w:hAnsi="微軟正黑體"/>
                <w:sz w:val="28"/>
                <w:szCs w:val="28"/>
                <w:lang w:eastAsia="zh-HK"/>
              </w:rPr>
              <w:t>10</w:t>
            </w:r>
            <w:r w:rsidRPr="4FFB4693">
              <w:rPr>
                <w:rFonts w:ascii="微軟正黑體" w:eastAsia="微軟正黑體" w:hAnsi="微軟正黑體"/>
                <w:sz w:val="28"/>
                <w:szCs w:val="28"/>
              </w:rPr>
              <w:t>月</w:t>
            </w:r>
          </w:p>
        </w:tc>
      </w:tr>
      <w:tr w:rsidR="008F581C" w:rsidRPr="00702BFA" w14:paraId="2463B18F" w14:textId="77777777" w:rsidTr="4FFB4693">
        <w:tc>
          <w:tcPr>
            <w:tcW w:w="2747" w:type="dxa"/>
            <w:shd w:val="clear" w:color="auto" w:fill="76923C" w:themeFill="accent3" w:themeFillShade="BF"/>
            <w:vAlign w:val="center"/>
          </w:tcPr>
          <w:p w14:paraId="09015B2F" w14:textId="77777777" w:rsidR="008F581C" w:rsidRPr="00702BFA" w:rsidRDefault="008F581C" w:rsidP="00CC3225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  <w:t>頒獎典禮</w:t>
            </w:r>
          </w:p>
        </w:tc>
        <w:tc>
          <w:tcPr>
            <w:tcW w:w="3402" w:type="dxa"/>
            <w:shd w:val="clear" w:color="auto" w:fill="C2D69B" w:themeFill="accent3" w:themeFillTint="99"/>
            <w:vAlign w:val="center"/>
          </w:tcPr>
          <w:p w14:paraId="2207159B" w14:textId="39939EBD" w:rsidR="008F581C" w:rsidRPr="00702BFA" w:rsidRDefault="1AA06A88" w:rsidP="00B03550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sz w:val="28"/>
                <w:szCs w:val="28"/>
              </w:rPr>
            </w:pPr>
            <w:r w:rsidRPr="4FFB4693">
              <w:rPr>
                <w:rFonts w:ascii="微軟正黑體" w:eastAsia="微軟正黑體" w:hAnsi="微軟正黑體"/>
                <w:sz w:val="28"/>
                <w:szCs w:val="28"/>
              </w:rPr>
              <w:t>2022年11月</w:t>
            </w:r>
          </w:p>
        </w:tc>
      </w:tr>
    </w:tbl>
    <w:p w14:paraId="70DF9E56" w14:textId="77777777" w:rsidR="00CC3225" w:rsidRDefault="00CC3225" w:rsidP="00CC3225">
      <w:pPr>
        <w:widowControl/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</w:p>
    <w:p w14:paraId="5096DFA4" w14:textId="77777777" w:rsidR="00CC3225" w:rsidRPr="002F421A" w:rsidRDefault="0027402E" w:rsidP="00CC3225">
      <w:pPr>
        <w:widowControl/>
        <w:adjustRightInd w:val="0"/>
        <w:snapToGrid w:val="0"/>
        <w:spacing w:line="300" w:lineRule="auto"/>
        <w:rPr>
          <w:rFonts w:ascii="微軟正黑體" w:eastAsia="微軟正黑體" w:hAnsi="微軟正黑體"/>
        </w:rPr>
      </w:pPr>
      <w:r w:rsidRPr="0027402E">
        <w:rPr>
          <w:rFonts w:ascii="微軟正黑體" w:eastAsia="微軟正黑體" w:hAnsi="微軟正黑體" w:hint="eastAsia"/>
          <w:b/>
          <w:color w:val="76923C"/>
          <w:sz w:val="32"/>
        </w:rPr>
        <w:t>注意事項</w:t>
      </w:r>
      <w:r w:rsidR="00CC3225" w:rsidRPr="002F421A">
        <w:rPr>
          <w:rFonts w:ascii="微軟正黑體" w:eastAsia="微軟正黑體" w:hAnsi="微軟正黑體" w:hint="eastAsia"/>
          <w:b/>
          <w:color w:val="76923C"/>
          <w:sz w:val="32"/>
        </w:rPr>
        <w:t xml:space="preserve"> </w:t>
      </w:r>
    </w:p>
    <w:p w14:paraId="1D722C5E" w14:textId="77777777" w:rsidR="003B3A4D" w:rsidRPr="00702BFA" w:rsidRDefault="0040776E" w:rsidP="00773D19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3B3A4D" w:rsidRPr="00702BFA">
        <w:rPr>
          <w:rFonts w:ascii="微軟正黑體" w:eastAsia="微軟正黑體" w:hAnsi="微軟正黑體" w:hint="eastAsia"/>
          <w:sz w:val="28"/>
          <w:szCs w:val="28"/>
        </w:rPr>
        <w:t>保留權利決定是否接納機構的參加資格</w:t>
      </w:r>
      <w:r w:rsidR="00773D19" w:rsidRPr="00773D19">
        <w:rPr>
          <w:rFonts w:ascii="微軟正黑體" w:eastAsia="微軟正黑體" w:hAnsi="微軟正黑體" w:hint="eastAsia"/>
          <w:sz w:val="28"/>
          <w:szCs w:val="28"/>
        </w:rPr>
        <w:t>；</w:t>
      </w:r>
    </w:p>
    <w:p w14:paraId="003B3BB7" w14:textId="77777777" w:rsidR="003B3A4D" w:rsidRPr="00702BFA" w:rsidRDefault="0040776E" w:rsidP="00773D19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773D19">
        <w:rPr>
          <w:rFonts w:ascii="微軟正黑體" w:eastAsia="微軟正黑體" w:hAnsi="微軟正黑體" w:hint="eastAsia"/>
          <w:sz w:val="28"/>
          <w:szCs w:val="28"/>
        </w:rPr>
        <w:t>保留權利決定是否接受資料不齊全的提名表格申請</w:t>
      </w:r>
      <w:r w:rsidR="00773D19" w:rsidRPr="00773D19">
        <w:rPr>
          <w:rFonts w:ascii="微軟正黑體" w:eastAsia="微軟正黑體" w:hAnsi="微軟正黑體" w:hint="eastAsia"/>
          <w:sz w:val="28"/>
          <w:szCs w:val="28"/>
        </w:rPr>
        <w:t>；</w:t>
      </w:r>
    </w:p>
    <w:p w14:paraId="4668707D" w14:textId="77777777" w:rsidR="00CC3225" w:rsidRPr="00702BFA" w:rsidRDefault="00CC3225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獲獎的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機構須認同及信守「長者友善</w:t>
      </w:r>
      <w:r w:rsidR="00AF620E" w:rsidRPr="00AF620E">
        <w:rPr>
          <w:rFonts w:ascii="微軟正黑體" w:eastAsia="微軟正黑體" w:hAnsi="微軟正黑體" w:hint="eastAsia"/>
          <w:sz w:val="28"/>
          <w:szCs w:val="28"/>
        </w:rPr>
        <w:t>社區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」範疇原則；</w:t>
      </w:r>
    </w:p>
    <w:p w14:paraId="5221DCC1" w14:textId="29F0AAFC" w:rsidR="00CC3225" w:rsidRPr="00702BFA" w:rsidRDefault="0040776E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5D5FE955">
        <w:rPr>
          <w:rFonts w:ascii="微軟正黑體" w:eastAsia="微軟正黑體" w:hAnsi="微軟正黑體"/>
          <w:sz w:val="28"/>
          <w:szCs w:val="28"/>
        </w:rPr>
        <w:t>社聯</w:t>
      </w:r>
      <w:r w:rsidR="00CC3225" w:rsidRPr="5D5FE955">
        <w:rPr>
          <w:rFonts w:ascii="微軟正黑體" w:eastAsia="微軟正黑體" w:hAnsi="微軟正黑體"/>
          <w:sz w:val="28"/>
          <w:szCs w:val="28"/>
        </w:rPr>
        <w:t>不會</w:t>
      </w:r>
      <w:r w:rsidR="00DC0F15" w:rsidRPr="5D5FE955">
        <w:rPr>
          <w:rFonts w:ascii="微軟正黑體" w:eastAsia="微軟正黑體" w:hAnsi="微軟正黑體"/>
          <w:sz w:val="28"/>
          <w:szCs w:val="28"/>
        </w:rPr>
        <w:t>接受</w:t>
      </w:r>
      <w:r w:rsidR="00CC3225" w:rsidRPr="5D5FE955">
        <w:rPr>
          <w:rFonts w:ascii="微軟正黑體" w:eastAsia="微軟正黑體" w:hAnsi="微軟正黑體"/>
          <w:sz w:val="28"/>
          <w:szCs w:val="28"/>
        </w:rPr>
        <w:t>與業務或實務與其價值觀及使命相悖的</w:t>
      </w:r>
      <w:r w:rsidR="00702BFA" w:rsidRPr="5D5FE955">
        <w:rPr>
          <w:rFonts w:ascii="微軟正黑體" w:eastAsia="微軟正黑體" w:hAnsi="微軟正黑體"/>
          <w:sz w:val="28"/>
          <w:szCs w:val="28"/>
        </w:rPr>
        <w:t>參與</w:t>
      </w:r>
      <w:r w:rsidR="00CC3225" w:rsidRPr="5D5FE955">
        <w:rPr>
          <w:rFonts w:ascii="微軟正黑體" w:eastAsia="微軟正黑體" w:hAnsi="微軟正黑體"/>
          <w:sz w:val="28"/>
          <w:szCs w:val="28"/>
        </w:rPr>
        <w:t>機構</w:t>
      </w:r>
      <w:r w:rsidR="00DC0F15" w:rsidRPr="5D5FE955">
        <w:rPr>
          <w:rFonts w:ascii="微軟正黑體" w:eastAsia="微軟正黑體" w:hAnsi="微軟正黑體"/>
          <w:sz w:val="28"/>
          <w:szCs w:val="28"/>
        </w:rPr>
        <w:t>之提名</w:t>
      </w:r>
      <w:r w:rsidR="00CC3225" w:rsidRPr="5D5FE955">
        <w:rPr>
          <w:rFonts w:ascii="微軟正黑體" w:eastAsia="微軟正黑體" w:hAnsi="微軟正黑體"/>
          <w:sz w:val="28"/>
          <w:szCs w:val="28"/>
        </w:rPr>
        <w:t>；</w:t>
      </w:r>
    </w:p>
    <w:p w14:paraId="40606FB1" w14:textId="77777777" w:rsidR="00CC3225" w:rsidRPr="00702BFA" w:rsidRDefault="0040776E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有權拒絕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機構的提名或將獲頒「長者友善措施致意行動」獎項的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機構除名；</w:t>
      </w:r>
    </w:p>
    <w:p w14:paraId="7481A8E3" w14:textId="77777777" w:rsidR="00CC3225" w:rsidRPr="00702BFA" w:rsidRDefault="00CC3225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獲獎的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機構可獲得「長者友善措施致意行動」</w:t>
      </w:r>
      <w:r w:rsidRPr="00B22019">
        <w:rPr>
          <w:rFonts w:ascii="微軟正黑體" w:eastAsia="微軟正黑體" w:hAnsi="微軟正黑體" w:hint="eastAsia"/>
          <w:sz w:val="28"/>
          <w:szCs w:val="28"/>
        </w:rPr>
        <w:t>標誌貼紙及證書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，張貼於機構的運作地點，以承諾持續提供及改善長者友善的政策、措施、服務或產品；</w:t>
      </w:r>
    </w:p>
    <w:p w14:paraId="2CC0C2F8" w14:textId="77777777" w:rsidR="00CC3225" w:rsidRPr="00702BFA" w:rsidRDefault="00CC3225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獲獎的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機構亦可於各項宣傳品及活動使用標誌，讓顧客及公眾人士得悉機構推行長者友善措施；</w:t>
      </w:r>
    </w:p>
    <w:p w14:paraId="26BA9128" w14:textId="77777777" w:rsidR="00CC3225" w:rsidRPr="00702BFA" w:rsidRDefault="00702BFA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機構於各項廣告及宣傳品上展示標誌並不代表機構的政策、措施、服務或產品已獲</w:t>
      </w:r>
      <w:r w:rsidR="0040776E"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認可，而各項廣告及宣傳品的內容</w:t>
      </w:r>
      <w:r w:rsidR="00483738">
        <w:rPr>
          <w:rFonts w:ascii="微軟正黑體" w:eastAsia="微軟正黑體" w:hAnsi="微軟正黑體" w:hint="eastAsia"/>
          <w:sz w:val="28"/>
          <w:szCs w:val="28"/>
        </w:rPr>
        <w:t>必須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合法、意識良好、健康、誠實、真確及不含誹謗、歧視或侮辱他人的成</w:t>
      </w:r>
      <w:r w:rsidR="0040776E">
        <w:rPr>
          <w:rFonts w:ascii="微軟正黑體" w:eastAsia="微軟正黑體" w:hAnsi="微軟正黑體" w:hint="eastAsia"/>
          <w:sz w:val="28"/>
          <w:szCs w:val="28"/>
        </w:rPr>
        <w:t>份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；</w:t>
      </w:r>
    </w:p>
    <w:p w14:paraId="5797CD58" w14:textId="77777777" w:rsidR="00CC3225" w:rsidRPr="0040776E" w:rsidRDefault="00702BFA" w:rsidP="0040776E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="00B556D4">
        <w:rPr>
          <w:rFonts w:ascii="微軟正黑體" w:eastAsia="微軟正黑體" w:hAnsi="微軟正黑體" w:hint="eastAsia"/>
          <w:sz w:val="28"/>
          <w:szCs w:val="28"/>
        </w:rPr>
        <w:t>機構須將使用標誌的宣傳品及廣告樣本，</w:t>
      </w:r>
      <w:proofErr w:type="gramStart"/>
      <w:r w:rsidR="00B556D4">
        <w:rPr>
          <w:rFonts w:ascii="微軟正黑體" w:eastAsia="微軟正黑體" w:hAnsi="微軟正黑體" w:hint="eastAsia"/>
          <w:sz w:val="28"/>
          <w:szCs w:val="28"/>
        </w:rPr>
        <w:t>電郵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至</w:t>
      </w:r>
      <w:proofErr w:type="gramEnd"/>
      <w:r w:rsidR="00F235A8">
        <w:rPr>
          <w:rFonts w:ascii="微軟正黑體" w:eastAsia="微軟正黑體" w:hAnsi="微軟正黑體" w:hint="eastAsia"/>
          <w:sz w:val="28"/>
          <w:szCs w:val="28"/>
        </w:rPr>
        <w:t>afhk</w:t>
      </w:r>
      <w:r w:rsidR="0040776E">
        <w:rPr>
          <w:rFonts w:ascii="微軟正黑體" w:eastAsia="微軟正黑體" w:hAnsi="微軟正黑體" w:hint="eastAsia"/>
          <w:sz w:val="28"/>
          <w:szCs w:val="28"/>
        </w:rPr>
        <w:t>@hkcss.org.hk</w:t>
      </w:r>
      <w:proofErr w:type="gramStart"/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供</w:t>
      </w:r>
      <w:r w:rsidR="0040776E">
        <w:rPr>
          <w:rFonts w:ascii="微軟正黑體" w:eastAsia="微軟正黑體" w:hAnsi="微軟正黑體" w:hint="eastAsia"/>
          <w:sz w:val="28"/>
          <w:szCs w:val="28"/>
        </w:rPr>
        <w:t>社聯</w:t>
      </w:r>
      <w:proofErr w:type="gramEnd"/>
      <w:r w:rsidR="00CC3225" w:rsidRPr="0040776E">
        <w:rPr>
          <w:rFonts w:ascii="微軟正黑體" w:eastAsia="微軟正黑體" w:hAnsi="微軟正黑體" w:hint="eastAsia"/>
          <w:sz w:val="28"/>
          <w:szCs w:val="28"/>
        </w:rPr>
        <w:t>審核及存檔；</w:t>
      </w:r>
    </w:p>
    <w:p w14:paraId="26B3A0C8" w14:textId="77777777" w:rsidR="00CC3225" w:rsidRPr="00702BFA" w:rsidRDefault="0040776E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可要求獲</w:t>
      </w:r>
      <w:r>
        <w:rPr>
          <w:rFonts w:ascii="微軟正黑體" w:eastAsia="微軟正黑體" w:hAnsi="微軟正黑體" w:hint="eastAsia"/>
          <w:sz w:val="28"/>
          <w:szCs w:val="28"/>
        </w:rPr>
        <w:t>獎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機構終止或修改標誌的使用，如有任何爭議，</w:t>
      </w: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保留最終並具有約束力的決定權。</w:t>
      </w:r>
    </w:p>
    <w:p w14:paraId="5420F8ED" w14:textId="77777777" w:rsidR="00522EE5" w:rsidRPr="00023139" w:rsidRDefault="00B6585F" w:rsidP="00BC6F33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</w:rPr>
      </w:pPr>
      <w:r>
        <w:rPr>
          <w:rFonts w:ascii="微軟正黑體" w:eastAsia="微軟正黑體" w:hAnsi="微軟正黑體"/>
          <w:b/>
          <w:color w:val="76923C"/>
          <w:sz w:val="32"/>
        </w:rPr>
        <w:br w:type="page"/>
      </w:r>
      <w:r w:rsidR="00522EE5" w:rsidRPr="008F19D4">
        <w:rPr>
          <w:rFonts w:ascii="微軟正黑體" w:eastAsia="微軟正黑體" w:hAnsi="微軟正黑體" w:hint="eastAsia"/>
          <w:b/>
          <w:color w:val="76923C"/>
          <w:sz w:val="32"/>
        </w:rPr>
        <w:lastRenderedPageBreak/>
        <w:t>「香港長者友善社區」範疇</w:t>
      </w:r>
    </w:p>
    <w:p w14:paraId="44E871BC" w14:textId="77777777" w:rsidR="00522EE5" w:rsidRPr="008F19D4" w:rsidRDefault="00522EE5" w:rsidP="00522EE5">
      <w:pPr>
        <w:widowControl/>
        <w:adjustRightInd w:val="0"/>
        <w:snapToGrid w:val="0"/>
        <w:rPr>
          <w:rFonts w:ascii="微軟正黑體" w:eastAsia="微軟正黑體" w:hAnsi="微軟正黑體"/>
          <w:b/>
          <w:color w:val="76923C"/>
          <w:szCs w:val="24"/>
        </w:rPr>
      </w:pPr>
    </w:p>
    <w:p w14:paraId="144A5D23" w14:textId="77777777" w:rsidR="00522EE5" w:rsidRPr="008F19D4" w:rsidRDefault="00522EE5" w:rsidP="00522EE5">
      <w:pPr>
        <w:widowControl/>
        <w:adjustRightInd w:val="0"/>
        <w:snapToGrid w:val="0"/>
        <w:rPr>
          <w:rFonts w:ascii="微軟正黑體" w:eastAsia="微軟正黑體" w:hAnsi="微軟正黑體"/>
          <w:b/>
          <w:color w:val="76923C"/>
          <w:szCs w:val="24"/>
        </w:rPr>
        <w:sectPr w:rsidR="00522EE5" w:rsidRPr="008F19D4" w:rsidSect="00AE1CF9">
          <w:headerReference w:type="default" r:id="rId24"/>
          <w:footerReference w:type="default" r:id="rId25"/>
          <w:type w:val="continuous"/>
          <w:pgSz w:w="11906" w:h="16838"/>
          <w:pgMar w:top="1670" w:right="1080" w:bottom="1134" w:left="1080" w:header="454" w:footer="992" w:gutter="0"/>
          <w:cols w:space="425"/>
          <w:docGrid w:type="lines" w:linePitch="360"/>
        </w:sectPr>
      </w:pPr>
    </w:p>
    <w:p w14:paraId="74DD6D84" w14:textId="77777777"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室外空間和建築：</w:t>
      </w:r>
    </w:p>
    <w:p w14:paraId="2D481F8A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6"/>
        </w:rPr>
      </w:pPr>
      <w:r w:rsidRPr="008F19D4">
        <w:rPr>
          <w:rFonts w:ascii="微軟正黑體" w:eastAsia="微軟正黑體" w:hAnsi="微軟正黑體" w:hint="eastAsia"/>
          <w:szCs w:val="26"/>
        </w:rPr>
        <w:t>舒適的户外空間和建築設施，對長者積極參與社區活動及居家安老極其重要。當中包括提供保障長者安全、</w:t>
      </w:r>
      <w:r w:rsidRPr="008F19D4">
        <w:rPr>
          <w:rFonts w:ascii="微軟正黑體" w:eastAsia="微軟正黑體" w:hAnsi="微軟正黑體"/>
          <w:szCs w:val="26"/>
        </w:rPr>
        <w:t>衞</w:t>
      </w:r>
      <w:r w:rsidRPr="008F19D4">
        <w:rPr>
          <w:rFonts w:ascii="微軟正黑體" w:eastAsia="微軟正黑體" w:hAnsi="微軟正黑體" w:hint="eastAsia"/>
          <w:szCs w:val="26"/>
        </w:rPr>
        <w:t>生而綠化的社區環境、設有足夠的户外休息區、設置寬闊平坦而防滑的通道、提供無障礙及安全過路的設施、提供適合長者使用並數量</w:t>
      </w:r>
      <w:r w:rsidRPr="008F19D4">
        <w:rPr>
          <w:rFonts w:ascii="微軟正黑體" w:eastAsia="微軟正黑體" w:hAnsi="微軟正黑體"/>
          <w:szCs w:val="26"/>
        </w:rPr>
        <w:t>足</w:t>
      </w:r>
      <w:r w:rsidRPr="008F19D4">
        <w:rPr>
          <w:rFonts w:ascii="微軟正黑體" w:eastAsia="微軟正黑體" w:hAnsi="微軟正黑體" w:hint="eastAsia"/>
          <w:szCs w:val="26"/>
        </w:rPr>
        <w:t>夠的</w:t>
      </w:r>
      <w:r w:rsidRPr="008F19D4">
        <w:rPr>
          <w:rFonts w:ascii="微軟正黑體" w:eastAsia="微軟正黑體" w:hAnsi="微軟正黑體"/>
          <w:szCs w:val="26"/>
        </w:rPr>
        <w:t>衞</w:t>
      </w:r>
      <w:r w:rsidRPr="008F19D4">
        <w:rPr>
          <w:rFonts w:ascii="微軟正黑體" w:eastAsia="微軟正黑體" w:hAnsi="微軟正黑體" w:hint="eastAsia"/>
          <w:szCs w:val="26"/>
        </w:rPr>
        <w:t>生間、設有充足而顯眼的指示牌、設立長者優先服務櫃台等。</w:t>
      </w:r>
    </w:p>
    <w:p w14:paraId="738610EB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Cs w:val="24"/>
        </w:rPr>
      </w:pPr>
    </w:p>
    <w:p w14:paraId="22341F05" w14:textId="77777777"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交通：</w:t>
      </w:r>
    </w:p>
    <w:p w14:paraId="0A9EAC02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一個方便快捷和價格合理的交通</w:t>
      </w:r>
      <w:r w:rsidRPr="008F19D4">
        <w:rPr>
          <w:rFonts w:ascii="微軟正黑體" w:eastAsia="微軟正黑體" w:hAnsi="微軟正黑體"/>
          <w:szCs w:val="24"/>
        </w:rPr>
        <w:t>系</w:t>
      </w:r>
      <w:r w:rsidRPr="008F19D4">
        <w:rPr>
          <w:rFonts w:ascii="微軟正黑體" w:eastAsia="微軟正黑體" w:hAnsi="微軟正黑體" w:hint="eastAsia"/>
          <w:szCs w:val="24"/>
        </w:rPr>
        <w:t>統可讓長者融入社交生活，例如制訂廣闊公共交通覆蓋網絡、提供頻密和準時的班次、設有方便長者進出的車廂、設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立</w:t>
      </w:r>
      <w:r w:rsidRPr="008F19D4">
        <w:rPr>
          <w:rFonts w:ascii="微軟正黑體" w:eastAsia="微軟正黑體" w:hAnsi="微軟正黑體" w:hint="eastAsia"/>
          <w:szCs w:val="24"/>
        </w:rPr>
        <w:t>方便長者到達的車站點、提供長者搭乘優惠或津貼、提供愛心座位、設有優先讓給長者及傷</w:t>
      </w:r>
      <w:r w:rsidR="008C61A0" w:rsidRPr="008C61A0">
        <w:rPr>
          <w:rFonts w:ascii="微軟正黑體" w:eastAsia="微軟正黑體" w:hAnsi="微軟正黑體" w:hint="eastAsia"/>
          <w:szCs w:val="24"/>
        </w:rPr>
        <w:t>健</w:t>
      </w:r>
      <w:r w:rsidRPr="008F19D4">
        <w:rPr>
          <w:rFonts w:ascii="微軟正黑體" w:eastAsia="微軟正黑體" w:hAnsi="微軟正黑體" w:hint="eastAsia"/>
          <w:szCs w:val="24"/>
        </w:rPr>
        <w:t>人士的泊車位置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、</w:t>
      </w:r>
      <w:r w:rsidRPr="008F19D4">
        <w:rPr>
          <w:rFonts w:ascii="微軟正黑體" w:eastAsia="微軟正黑體" w:hAnsi="微軟正黑體" w:hint="eastAsia"/>
          <w:szCs w:val="24"/>
        </w:rPr>
        <w:t>推廣司機及車站工作人員友善對待長者的服務態度等。</w:t>
      </w:r>
    </w:p>
    <w:p w14:paraId="637805D2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 w:val="20"/>
          <w:szCs w:val="20"/>
        </w:rPr>
      </w:pPr>
    </w:p>
    <w:p w14:paraId="27044455" w14:textId="77777777"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住所：</w:t>
      </w:r>
    </w:p>
    <w:p w14:paraId="3E10421E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住所的設計、結構和位置是讓長者能安全及獨立地生活的決定因素之一，同時亦直接影響他們的生活質素。當中包括興建居</w:t>
      </w:r>
      <w:r w:rsidRPr="008F19D4">
        <w:rPr>
          <w:rFonts w:ascii="微軟正黑體" w:eastAsia="微軟正黑體" w:hAnsi="微軟正黑體"/>
          <w:szCs w:val="24"/>
        </w:rPr>
        <w:t>所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位</w:t>
      </w:r>
      <w:r w:rsidRPr="008F19D4">
        <w:rPr>
          <w:rFonts w:ascii="微軟正黑體" w:eastAsia="微軟正黑體" w:hAnsi="微軟正黑體" w:hint="eastAsia"/>
          <w:szCs w:val="24"/>
        </w:rPr>
        <w:t>於方便長者的地方、提供安全的住所環境、促進長者居家安老的相關服務、設有優惠長者的水、電及雜費的措施、設有安全的電梯及扶手等配套措施、提供可承擔的改裝及維修服務等。</w:t>
      </w:r>
    </w:p>
    <w:p w14:paraId="463F29E8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 w:val="20"/>
          <w:szCs w:val="20"/>
        </w:rPr>
      </w:pPr>
    </w:p>
    <w:p w14:paraId="3C4F91C9" w14:textId="77777777"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社會參與：</w:t>
      </w:r>
    </w:p>
    <w:p w14:paraId="1A56F691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參與社會活動，與家人和朋友交往，可以令長者保持活力，亦有助促進他們生理和心理的健康。當中包括提供活動</w:t>
      </w:r>
      <w:r w:rsidRPr="008F19D4">
        <w:rPr>
          <w:rFonts w:ascii="微軟正黑體" w:eastAsia="微軟正黑體" w:hAnsi="微軟正黑體"/>
          <w:szCs w:val="24"/>
        </w:rPr>
        <w:t>收</w:t>
      </w:r>
      <w:r w:rsidRPr="008F19D4">
        <w:rPr>
          <w:rFonts w:ascii="微軟正黑體" w:eastAsia="微軟正黑體" w:hAnsi="微軟正黑體" w:hint="eastAsia"/>
          <w:szCs w:val="24"/>
        </w:rPr>
        <w:t>費優惠、提供適合長者的活動安排、於活動場所配備適合長者的設施及配套、舉辦長者能夠獨自或結伴參與的活動、於</w:t>
      </w:r>
      <w:r w:rsidRPr="008F19D4">
        <w:rPr>
          <w:rFonts w:ascii="微軟正黑體" w:eastAsia="微軟正黑體" w:hAnsi="微軟正黑體"/>
          <w:szCs w:val="24"/>
        </w:rPr>
        <w:t>適</w:t>
      </w:r>
      <w:r w:rsidRPr="008F19D4">
        <w:rPr>
          <w:rFonts w:ascii="微軟正黑體" w:eastAsia="微軟正黑體" w:hAnsi="微軟正黑體" w:hint="eastAsia"/>
          <w:szCs w:val="24"/>
        </w:rPr>
        <w:t>合長者的渠道發布活動訊息、提供渠道讓長者能與不同人士互動和交流等。</w:t>
      </w:r>
    </w:p>
    <w:p w14:paraId="2CE3DAF7" w14:textId="77777777"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Cs w:val="24"/>
        </w:rPr>
      </w:pPr>
      <w:r w:rsidRPr="008F19D4">
        <w:rPr>
          <w:rFonts w:ascii="微軟正黑體" w:eastAsia="微軟正黑體" w:hAnsi="微軟正黑體"/>
          <w:b/>
          <w:color w:val="76923C"/>
          <w:szCs w:val="24"/>
        </w:rPr>
        <w:br w:type="column"/>
      </w: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尊重和社會包容：</w:t>
      </w:r>
    </w:p>
    <w:p w14:paraId="6B03C03D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長者由於機能退化及家庭責任的轉變，往往被視為行動緩慢、能力稍遜、低收入群體，甚至備受忽視，令他們感到不被尊重。讓每一位長者在不同的社會環境下都受到尊重，使他們對社區有歸屬感，才能令他們安享晚年，例如持續推廣敬老及互助文化、舉行</w:t>
      </w:r>
      <w:proofErr w:type="gramStart"/>
      <w:r w:rsidRPr="008F19D4">
        <w:rPr>
          <w:rFonts w:ascii="微軟正黑體" w:eastAsia="微軟正黑體" w:hAnsi="微軟正黑體" w:hint="eastAsia"/>
          <w:szCs w:val="24"/>
        </w:rPr>
        <w:t>跨代共</w:t>
      </w:r>
      <w:proofErr w:type="gramEnd"/>
      <w:r w:rsidRPr="008F19D4">
        <w:rPr>
          <w:rFonts w:ascii="微軟正黑體" w:eastAsia="微軟正黑體" w:hAnsi="微軟正黑體" w:hint="eastAsia"/>
          <w:szCs w:val="24"/>
        </w:rPr>
        <w:t>融公眾教育活動、舉辦不同活動及製作節目以推廣長者正面形象、鼓勵長者參與決策的過程等。</w:t>
      </w:r>
    </w:p>
    <w:p w14:paraId="3B7B4B86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Cs w:val="24"/>
        </w:rPr>
      </w:pPr>
    </w:p>
    <w:p w14:paraId="4934AC0D" w14:textId="77777777"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社區參與和就業：</w:t>
      </w:r>
    </w:p>
    <w:p w14:paraId="4F4B8857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透過社區參與和就業可以令長者繼續貢獻社會，從而提升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其</w:t>
      </w:r>
      <w:r w:rsidRPr="008F19D4">
        <w:rPr>
          <w:rFonts w:ascii="微軟正黑體" w:eastAsia="微軟正黑體" w:hAnsi="微軟正黑體" w:hint="eastAsia"/>
          <w:szCs w:val="24"/>
        </w:rPr>
        <w:t>自我價值，例如推動長者就業、提供長者就業培訓、提供長者義務工作機會、給予長者義工充分支持、鼓勵長者為有關他們的政策、方針和計劃提</w:t>
      </w:r>
      <w:r w:rsidRPr="008F19D4">
        <w:rPr>
          <w:rFonts w:ascii="微軟正黑體" w:eastAsia="微軟正黑體" w:hAnsi="微軟正黑體"/>
          <w:szCs w:val="24"/>
        </w:rPr>
        <w:t>出</w:t>
      </w:r>
      <w:r w:rsidRPr="008F19D4">
        <w:rPr>
          <w:rFonts w:ascii="微軟正黑體" w:eastAsia="微軟正黑體" w:hAnsi="微軟正黑體" w:hint="eastAsia"/>
          <w:szCs w:val="24"/>
        </w:rPr>
        <w:t>意見及作出貢獻等。</w:t>
      </w:r>
    </w:p>
    <w:p w14:paraId="3A0FF5F2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Cs w:val="24"/>
        </w:rPr>
      </w:pPr>
    </w:p>
    <w:p w14:paraId="4C6B531C" w14:textId="77777777"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信息交流：</w:t>
      </w:r>
    </w:p>
    <w:p w14:paraId="650241CA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要建立良好的交流及信息發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布</w:t>
      </w:r>
      <w:r w:rsidRPr="008F19D4">
        <w:rPr>
          <w:rFonts w:ascii="微軟正黑體" w:eastAsia="微軟正黑體" w:hAnsi="微軟正黑體" w:hint="eastAsia"/>
          <w:szCs w:val="24"/>
        </w:rPr>
        <w:t>渠道，讓長者不會因無法獲得資訊而被孤立。當中包括提供簡單</w:t>
      </w:r>
      <w:r w:rsidRPr="008F19D4">
        <w:rPr>
          <w:rFonts w:ascii="微軟正黑體" w:eastAsia="微軟正黑體" w:hAnsi="微軟正黑體"/>
          <w:szCs w:val="24"/>
        </w:rPr>
        <w:t>易</w:t>
      </w:r>
      <w:r w:rsidRPr="008F19D4">
        <w:rPr>
          <w:rFonts w:ascii="微軟正黑體" w:eastAsia="微軟正黑體" w:hAnsi="微軟正黑體" w:hint="eastAsia"/>
          <w:szCs w:val="24"/>
        </w:rPr>
        <w:t>懂及大字體的書面信息、鼓勵長者接觸及善用資訊科技、發布信息到長者所居住及經常活動的地</w:t>
      </w:r>
      <w:r w:rsidRPr="008F19D4">
        <w:rPr>
          <w:rFonts w:ascii="微軟正黑體" w:eastAsia="微軟正黑體" w:hAnsi="微軟正黑體"/>
          <w:szCs w:val="24"/>
        </w:rPr>
        <w:t>方</w:t>
      </w:r>
      <w:r w:rsidRPr="008F19D4">
        <w:rPr>
          <w:rFonts w:ascii="微軟正黑體" w:eastAsia="微軟正黑體" w:hAnsi="微軟正黑體" w:hint="eastAsia"/>
          <w:szCs w:val="24"/>
        </w:rPr>
        <w:t>、定期提供針對長者並讓長者感興趣的資訊等。</w:t>
      </w:r>
    </w:p>
    <w:p w14:paraId="5630AD66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Cs w:val="24"/>
        </w:rPr>
      </w:pPr>
    </w:p>
    <w:p w14:paraId="5135CF42" w14:textId="77777777"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社區支持與健康服務：</w:t>
      </w:r>
    </w:p>
    <w:p w14:paraId="35F3B2AC" w14:textId="77777777"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  <w:sectPr w:rsidR="00522EE5" w:rsidRPr="008F19D4" w:rsidSect="00EC5477">
          <w:type w:val="continuous"/>
          <w:pgSz w:w="11906" w:h="16838"/>
          <w:pgMar w:top="1440" w:right="1080" w:bottom="1440" w:left="1080" w:header="851" w:footer="992" w:gutter="0"/>
          <w:cols w:num="2" w:space="425"/>
          <w:docGrid w:type="lines" w:linePitch="360"/>
        </w:sectPr>
      </w:pPr>
      <w:r w:rsidRPr="008F19D4">
        <w:rPr>
          <w:rFonts w:ascii="微軟正黑體" w:eastAsia="微軟正黑體" w:hAnsi="微軟正黑體" w:hint="eastAsia"/>
          <w:szCs w:val="24"/>
        </w:rPr>
        <w:t>適切的社區支援和健康服務，可提升長者的健康及生活質素，例如提供</w:t>
      </w:r>
      <w:r w:rsidRPr="008F19D4">
        <w:rPr>
          <w:rFonts w:ascii="微軟正黑體" w:eastAsia="微軟正黑體" w:hAnsi="微軟正黑體"/>
          <w:szCs w:val="24"/>
        </w:rPr>
        <w:t>適</w:t>
      </w:r>
      <w:r w:rsidRPr="008F19D4">
        <w:rPr>
          <w:rFonts w:ascii="微軟正黑體" w:eastAsia="微軟正黑體" w:hAnsi="微軟正黑體" w:hint="eastAsia"/>
          <w:szCs w:val="24"/>
        </w:rPr>
        <w:t>合長者的支</w:t>
      </w:r>
      <w:r w:rsidRPr="008F19D4">
        <w:rPr>
          <w:rFonts w:ascii="微軟正黑體" w:eastAsia="微軟正黑體" w:hAnsi="微軟正黑體"/>
          <w:szCs w:val="24"/>
        </w:rPr>
        <w:t>援</w:t>
      </w:r>
      <w:r w:rsidRPr="008F19D4">
        <w:rPr>
          <w:rFonts w:ascii="微軟正黑體" w:eastAsia="微軟正黑體" w:hAnsi="微軟正黑體" w:hint="eastAsia"/>
          <w:szCs w:val="24"/>
        </w:rPr>
        <w:t>服務、設有方便長者的服務地點、鼓勵服</w:t>
      </w:r>
      <w:r w:rsidRPr="008F19D4">
        <w:rPr>
          <w:rFonts w:ascii="微軟正黑體" w:eastAsia="微軟正黑體" w:hAnsi="微軟正黑體"/>
          <w:szCs w:val="24"/>
        </w:rPr>
        <w:t>務</w:t>
      </w:r>
      <w:r w:rsidRPr="008F19D4">
        <w:rPr>
          <w:rFonts w:ascii="微軟正黑體" w:eastAsia="微軟正黑體" w:hAnsi="微軟正黑體" w:hint="eastAsia"/>
          <w:szCs w:val="24"/>
        </w:rPr>
        <w:t>人員尊重並細心地服務長者等。</w:t>
      </w:r>
    </w:p>
    <w:tbl>
      <w:tblPr>
        <w:tblpPr w:leftFromText="180" w:rightFromText="180" w:vertAnchor="text" w:horzAnchor="margin" w:tblpY="67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548DD4"/>
        <w:tblLook w:val="04A0" w:firstRow="1" w:lastRow="0" w:firstColumn="1" w:lastColumn="0" w:noHBand="0" w:noVBand="1"/>
      </w:tblPr>
      <w:tblGrid>
        <w:gridCol w:w="9889"/>
      </w:tblGrid>
      <w:tr w:rsidR="002779C9" w:rsidRPr="001439FB" w14:paraId="1A4EAC64" w14:textId="77777777" w:rsidTr="002779C9">
        <w:tc>
          <w:tcPr>
            <w:tcW w:w="9889" w:type="dxa"/>
            <w:tcBorders>
              <w:top w:val="nil"/>
              <w:left w:val="nil"/>
              <w:bottom w:val="nil"/>
              <w:right w:val="nil"/>
            </w:tcBorders>
            <w:shd w:val="clear" w:color="auto" w:fill="548DD4"/>
          </w:tcPr>
          <w:p w14:paraId="7C6BA32D" w14:textId="77777777" w:rsidR="002779C9" w:rsidRDefault="002779C9" w:rsidP="002779C9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b/>
                <w:color w:val="FFFFFF"/>
                <w:sz w:val="28"/>
                <w:szCs w:val="28"/>
              </w:rPr>
            </w:pPr>
            <w:r w:rsidRPr="001439FB">
              <w:rPr>
                <w:rFonts w:ascii="微軟正黑體" w:eastAsia="微軟正黑體" w:hAnsi="微軟正黑體"/>
                <w:b/>
                <w:color w:val="FFFFFF"/>
                <w:sz w:val="28"/>
                <w:szCs w:val="28"/>
              </w:rPr>
              <w:lastRenderedPageBreak/>
              <w:br w:type="page"/>
            </w:r>
            <w:r w:rsidRPr="001439FB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表格</w:t>
            </w:r>
            <w:proofErr w:type="gramStart"/>
            <w:r w:rsidRPr="001439FB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一</w:t>
            </w:r>
            <w:proofErr w:type="gramEnd"/>
            <w:r w:rsidRPr="003320F8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：</w:t>
            </w:r>
            <w:r w:rsidRPr="001439FB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由</w:t>
            </w:r>
            <w:r w:rsidRPr="00773D19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參與</w:t>
            </w:r>
            <w:r w:rsidRPr="001439FB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機構填寫</w:t>
            </w:r>
            <w:r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 xml:space="preserve">　</w:t>
            </w:r>
          </w:p>
          <w:p w14:paraId="62F44FD8" w14:textId="77777777" w:rsidR="002779C9" w:rsidRPr="00B108A7" w:rsidRDefault="002779C9" w:rsidP="002779C9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b/>
                <w:color w:val="FFFFFF"/>
                <w:sz w:val="28"/>
                <w:szCs w:val="28"/>
              </w:rPr>
            </w:pPr>
            <w:r w:rsidRPr="00A07A2C"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（</w:t>
            </w:r>
            <w:r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政府</w:t>
            </w:r>
            <w:r w:rsidRPr="00A07A2C"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部門、法定機構、學校、醫院、專業組織、服務社團、慈善基金會、商會、社會企業機構</w:t>
            </w:r>
            <w:r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及於本港營運的</w:t>
            </w:r>
            <w:r w:rsidRPr="00A07A2C"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商業機構）</w:t>
            </w:r>
          </w:p>
        </w:tc>
      </w:tr>
    </w:tbl>
    <w:p w14:paraId="555EF75E" w14:textId="77777777" w:rsidR="00F5564D" w:rsidRPr="001439FB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color w:val="31849B"/>
          <w:sz w:val="28"/>
          <w:szCs w:val="28"/>
        </w:rPr>
      </w:pPr>
      <w:r w:rsidRPr="001439FB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第一部分 </w:t>
      </w:r>
      <w:proofErr w:type="gramStart"/>
      <w:r w:rsidRPr="001439FB">
        <w:rPr>
          <w:rFonts w:ascii="微軟正黑體" w:eastAsia="微軟正黑體" w:hAnsi="微軟正黑體"/>
          <w:b/>
          <w:color w:val="31849B"/>
          <w:sz w:val="28"/>
          <w:szCs w:val="28"/>
        </w:rPr>
        <w:t>–</w:t>
      </w:r>
      <w:proofErr w:type="gramEnd"/>
      <w:r w:rsidR="00810676" w:rsidRPr="001439FB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</w:t>
      </w:r>
      <w:r w:rsidR="00773D19" w:rsidRPr="00773D19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參與</w:t>
      </w:r>
      <w:r w:rsidR="002D1868" w:rsidRPr="001439FB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機構</w:t>
      </w:r>
      <w:r w:rsidRPr="001439FB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資料</w:t>
      </w:r>
    </w:p>
    <w:p w14:paraId="5355505E" w14:textId="77777777" w:rsidR="00F5564D" w:rsidRPr="002779C9" w:rsidRDefault="00773D19" w:rsidP="00F5564D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2779C9">
        <w:rPr>
          <w:rFonts w:ascii="微軟正黑體" w:eastAsia="微軟正黑體" w:hAnsi="微軟正黑體" w:hint="eastAsia"/>
          <w:b/>
          <w:szCs w:val="24"/>
        </w:rPr>
        <w:t>參與</w:t>
      </w:r>
      <w:r w:rsidR="00810676" w:rsidRPr="002779C9">
        <w:rPr>
          <w:rFonts w:ascii="微軟正黑體" w:eastAsia="微軟正黑體" w:hAnsi="微軟正黑體" w:hint="eastAsia"/>
          <w:b/>
          <w:szCs w:val="24"/>
        </w:rPr>
        <w:t>機構</w:t>
      </w:r>
      <w:r w:rsidR="00F5564D" w:rsidRPr="002779C9">
        <w:rPr>
          <w:rFonts w:ascii="微軟正黑體" w:eastAsia="微軟正黑體" w:hAnsi="微軟正黑體" w:hint="eastAsia"/>
          <w:b/>
          <w:szCs w:val="24"/>
        </w:rPr>
        <w:t>名稱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817"/>
        <w:gridCol w:w="9072"/>
      </w:tblGrid>
      <w:tr w:rsidR="00F5564D" w:rsidRPr="002779C9" w14:paraId="3AA7B516" w14:textId="77777777" w:rsidTr="00410F76">
        <w:trPr>
          <w:trHeight w:hRule="exact" w:val="567"/>
        </w:trPr>
        <w:tc>
          <w:tcPr>
            <w:tcW w:w="817" w:type="dxa"/>
            <w:vAlign w:val="center"/>
          </w:tcPr>
          <w:p w14:paraId="252C0E60" w14:textId="77777777" w:rsidR="00F5564D" w:rsidRPr="002779C9" w:rsidRDefault="00F5564D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691751694" w:edGrp="everyone" w:colFirst="1" w:colLast="1"/>
            <w:r w:rsidRPr="002779C9">
              <w:rPr>
                <w:rFonts w:ascii="微軟正黑體" w:eastAsia="微軟正黑體" w:hAnsi="微軟正黑體" w:hint="eastAsia"/>
                <w:szCs w:val="24"/>
              </w:rPr>
              <w:t>中文</w:t>
            </w:r>
          </w:p>
        </w:tc>
        <w:tc>
          <w:tcPr>
            <w:tcW w:w="9072" w:type="dxa"/>
            <w:tcBorders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61829076" w14:textId="77777777" w:rsidR="00D17318" w:rsidRPr="002779C9" w:rsidRDefault="00D17318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F5564D" w:rsidRPr="002779C9" w14:paraId="29CFEFF0" w14:textId="77777777" w:rsidTr="00410F76">
        <w:trPr>
          <w:trHeight w:hRule="exact" w:val="567"/>
        </w:trPr>
        <w:tc>
          <w:tcPr>
            <w:tcW w:w="817" w:type="dxa"/>
            <w:vAlign w:val="center"/>
          </w:tcPr>
          <w:p w14:paraId="0D3C9805" w14:textId="77777777" w:rsidR="00F5564D" w:rsidRPr="002779C9" w:rsidRDefault="00F5564D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666720745" w:edGrp="everyone" w:colFirst="1" w:colLast="1"/>
            <w:permEnd w:id="1691751694"/>
            <w:r w:rsidRPr="002779C9">
              <w:rPr>
                <w:rFonts w:ascii="微軟正黑體" w:eastAsia="微軟正黑體" w:hAnsi="微軟正黑體" w:hint="eastAsia"/>
                <w:szCs w:val="24"/>
              </w:rPr>
              <w:t>英文</w:t>
            </w:r>
          </w:p>
        </w:tc>
        <w:tc>
          <w:tcPr>
            <w:tcW w:w="9072" w:type="dxa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2BA226A1" w14:textId="77777777" w:rsidR="00D17318" w:rsidRPr="002779C9" w:rsidRDefault="00D17318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1666720745"/>
    </w:tbl>
    <w:p w14:paraId="17AD93B2" w14:textId="77777777"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sz w:val="20"/>
          <w:szCs w:val="20"/>
        </w:rPr>
      </w:pPr>
    </w:p>
    <w:tbl>
      <w:tblPr>
        <w:tblW w:w="9889" w:type="dxa"/>
        <w:tblLook w:val="04A0" w:firstRow="1" w:lastRow="0" w:firstColumn="1" w:lastColumn="0" w:noHBand="0" w:noVBand="1"/>
      </w:tblPr>
      <w:tblGrid>
        <w:gridCol w:w="9889"/>
      </w:tblGrid>
      <w:tr w:rsidR="005F1E60" w:rsidRPr="001439FB" w14:paraId="3475CC9B" w14:textId="77777777" w:rsidTr="008F581C">
        <w:tc>
          <w:tcPr>
            <w:tcW w:w="9889" w:type="dxa"/>
            <w:vAlign w:val="bottom"/>
          </w:tcPr>
          <w:p w14:paraId="2EF45C4E" w14:textId="77777777" w:rsidR="005F1E60" w:rsidRPr="007C314A" w:rsidRDefault="00773D19" w:rsidP="003320F8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b/>
                <w:szCs w:val="24"/>
              </w:rPr>
            </w:pPr>
            <w:r w:rsidRPr="00773D19"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參與</w:t>
            </w:r>
            <w:r w:rsidR="005F1E60" w:rsidRPr="007C314A"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機構</w:t>
            </w:r>
            <w:r w:rsidR="005F1E60" w:rsidRPr="007C314A">
              <w:rPr>
                <w:rFonts w:ascii="微軟正黑體" w:eastAsia="微軟正黑體" w:hAnsi="微軟正黑體" w:hint="eastAsia"/>
                <w:b/>
                <w:szCs w:val="24"/>
              </w:rPr>
              <w:t xml:space="preserve">性質 </w:t>
            </w:r>
            <w:r w:rsidR="003320F8" w:rsidRPr="008F581C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="005F1E60" w:rsidRPr="008F581C">
              <w:rPr>
                <w:rFonts w:ascii="微軟正黑體" w:eastAsia="微軟正黑體" w:hAnsi="微軟正黑體" w:hint="eastAsia"/>
                <w:szCs w:val="24"/>
              </w:rPr>
              <w:t>請選一項</w:t>
            </w:r>
            <w:r w:rsidR="0066208E">
              <w:rPr>
                <w:rFonts w:ascii="微軟正黑體" w:eastAsia="微軟正黑體" w:hAnsi="微軟正黑體" w:hint="eastAsia"/>
                <w:szCs w:val="24"/>
              </w:rPr>
              <w:t>，並提供相關的證</w:t>
            </w:r>
            <w:r w:rsidR="00827B7D" w:rsidRPr="008F581C">
              <w:rPr>
                <w:rFonts w:ascii="微軟正黑體" w:eastAsia="微軟正黑體" w:hAnsi="微軟正黑體" w:hint="eastAsia"/>
                <w:szCs w:val="24"/>
              </w:rPr>
              <w:t>明</w:t>
            </w:r>
            <w:r w:rsidR="00B03550">
              <w:rPr>
                <w:rFonts w:ascii="微軟正黑體" w:eastAsia="微軟正黑體" w:hAnsi="微軟正黑體" w:hint="eastAsia"/>
                <w:szCs w:val="24"/>
              </w:rPr>
              <w:t>文件副本，如最近一年向公司註冊處呈交的周年申報表</w:t>
            </w:r>
            <w:r w:rsidR="00827B7D" w:rsidRPr="008F581C">
              <w:rPr>
                <w:rFonts w:ascii="微軟正黑體" w:eastAsia="微軟正黑體" w:hAnsi="微軟正黑體" w:hint="eastAsia"/>
                <w:szCs w:val="24"/>
              </w:rPr>
              <w:t>、商業登記證等</w:t>
            </w:r>
            <w:r w:rsidR="003320F8" w:rsidRPr="008F581C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</w:tr>
    </w:tbl>
    <w:p w14:paraId="0DE4B5B7" w14:textId="77777777" w:rsidR="002B515C" w:rsidRDefault="002B515C" w:rsidP="00F5564D">
      <w:pPr>
        <w:adjustRightInd w:val="0"/>
        <w:snapToGrid w:val="0"/>
        <w:rPr>
          <w:rFonts w:ascii="微軟正黑體" w:eastAsia="微軟正黑體" w:hAnsi="微軟正黑體"/>
          <w:sz w:val="20"/>
          <w:szCs w:val="20"/>
        </w:rPr>
      </w:pPr>
    </w:p>
    <w:tbl>
      <w:tblPr>
        <w:tblW w:w="9606" w:type="dxa"/>
        <w:tblLook w:val="04A0" w:firstRow="1" w:lastRow="0" w:firstColumn="1" w:lastColumn="0" w:noHBand="0" w:noVBand="1"/>
      </w:tblPr>
      <w:tblGrid>
        <w:gridCol w:w="1951"/>
        <w:gridCol w:w="1985"/>
        <w:gridCol w:w="1275"/>
        <w:gridCol w:w="1701"/>
        <w:gridCol w:w="2694"/>
      </w:tblGrid>
      <w:tr w:rsidR="00827B7D" w:rsidRPr="001439FB" w14:paraId="300AB5DC" w14:textId="77777777" w:rsidTr="008567D1">
        <w:tc>
          <w:tcPr>
            <w:tcW w:w="1951" w:type="dxa"/>
            <w:vAlign w:val="bottom"/>
          </w:tcPr>
          <w:p w14:paraId="633B7ABA" w14:textId="77777777" w:rsidR="00827B7D" w:rsidRPr="001439FB" w:rsidRDefault="002370F5" w:rsidP="008567D1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83861435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729227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7292277"/>
              </w:sdtContent>
            </w:sdt>
            <w:r w:rsidR="00827B7D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>政府部門</w:t>
            </w:r>
          </w:p>
        </w:tc>
        <w:tc>
          <w:tcPr>
            <w:tcW w:w="1985" w:type="dxa"/>
            <w:vAlign w:val="bottom"/>
          </w:tcPr>
          <w:p w14:paraId="2D315738" w14:textId="77777777" w:rsidR="00827B7D" w:rsidRPr="001439FB" w:rsidRDefault="002370F5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86508757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1233452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812334521"/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 xml:space="preserve"> 法定機構</w:t>
            </w:r>
          </w:p>
        </w:tc>
        <w:tc>
          <w:tcPr>
            <w:tcW w:w="1275" w:type="dxa"/>
            <w:vAlign w:val="bottom"/>
          </w:tcPr>
          <w:p w14:paraId="256181CC" w14:textId="77777777" w:rsidR="00827B7D" w:rsidRPr="001439FB" w:rsidRDefault="002370F5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7539583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729860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7298602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學校</w:t>
            </w:r>
          </w:p>
        </w:tc>
        <w:tc>
          <w:tcPr>
            <w:tcW w:w="1701" w:type="dxa"/>
            <w:vAlign w:val="bottom"/>
          </w:tcPr>
          <w:p w14:paraId="48A2900E" w14:textId="77777777" w:rsidR="00827B7D" w:rsidRPr="001439FB" w:rsidRDefault="002370F5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98227835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7340858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73408581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醫院</w:t>
            </w:r>
          </w:p>
        </w:tc>
        <w:tc>
          <w:tcPr>
            <w:tcW w:w="2694" w:type="dxa"/>
            <w:vAlign w:val="bottom"/>
          </w:tcPr>
          <w:p w14:paraId="2397253C" w14:textId="77777777" w:rsidR="00827B7D" w:rsidRPr="001439FB" w:rsidRDefault="002370F5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6719074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80759580" w:edGrp="everyone"/>
                <w:r w:rsidR="00AD4D9E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80759580"/>
              </w:sdtContent>
            </w:sdt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 xml:space="preserve"> 專業組織</w:t>
            </w:r>
          </w:p>
        </w:tc>
      </w:tr>
      <w:tr w:rsidR="00827B7D" w:rsidRPr="001439FB" w14:paraId="0C711969" w14:textId="77777777" w:rsidTr="008567D1">
        <w:tc>
          <w:tcPr>
            <w:tcW w:w="1951" w:type="dxa"/>
            <w:vAlign w:val="bottom"/>
          </w:tcPr>
          <w:p w14:paraId="57971306" w14:textId="77777777" w:rsidR="00827B7D" w:rsidRDefault="002370F5" w:rsidP="008567D1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42549400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0545340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05453409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服務社團</w:t>
            </w:r>
          </w:p>
        </w:tc>
        <w:tc>
          <w:tcPr>
            <w:tcW w:w="1985" w:type="dxa"/>
            <w:vAlign w:val="bottom"/>
          </w:tcPr>
          <w:p w14:paraId="0C084230" w14:textId="77777777" w:rsidR="00827B7D" w:rsidRDefault="002370F5" w:rsidP="008567D1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8135560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8302762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83027625"/>
              </w:sdtContent>
            </w:sdt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 xml:space="preserve"> 慈善基金會</w:t>
            </w:r>
          </w:p>
        </w:tc>
        <w:tc>
          <w:tcPr>
            <w:tcW w:w="1275" w:type="dxa"/>
            <w:vAlign w:val="bottom"/>
          </w:tcPr>
          <w:p w14:paraId="0EAB2B9F" w14:textId="77777777" w:rsidR="00827B7D" w:rsidRPr="00DC5617" w:rsidRDefault="002370F5" w:rsidP="008567D1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8235317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2375802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23758028"/>
              </w:sdtContent>
            </w:sdt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 xml:space="preserve"> 商會</w:t>
            </w:r>
          </w:p>
        </w:tc>
        <w:tc>
          <w:tcPr>
            <w:tcW w:w="1701" w:type="dxa"/>
            <w:vAlign w:val="bottom"/>
          </w:tcPr>
          <w:p w14:paraId="7A533F00" w14:textId="77777777" w:rsidR="00827B7D" w:rsidRPr="00DC5617" w:rsidRDefault="002370F5" w:rsidP="008567D1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7925964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7571087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75710871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商業機構</w:t>
            </w:r>
          </w:p>
        </w:tc>
        <w:tc>
          <w:tcPr>
            <w:tcW w:w="2694" w:type="dxa"/>
            <w:vAlign w:val="bottom"/>
          </w:tcPr>
          <w:p w14:paraId="7216739F" w14:textId="77777777" w:rsidR="00827B7D" w:rsidRDefault="002370F5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572434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12435893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124358934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827B7D">
              <w:rPr>
                <w:rFonts w:ascii="微軟正黑體" w:eastAsia="微軟正黑體" w:hAnsi="微軟正黑體" w:hint="eastAsia"/>
                <w:color w:val="000000"/>
                <w:szCs w:val="24"/>
              </w:rPr>
              <w:t>社會企業機構</w:t>
            </w:r>
          </w:p>
        </w:tc>
      </w:tr>
    </w:tbl>
    <w:p w14:paraId="66204FF1" w14:textId="77777777" w:rsidR="00827B7D" w:rsidRPr="008F19D4" w:rsidRDefault="00827B7D" w:rsidP="00F5564D">
      <w:pPr>
        <w:adjustRightInd w:val="0"/>
        <w:snapToGrid w:val="0"/>
        <w:rPr>
          <w:rFonts w:ascii="微軟正黑體" w:eastAsia="微軟正黑體" w:hAnsi="微軟正黑體"/>
          <w:sz w:val="20"/>
          <w:szCs w:val="20"/>
        </w:rPr>
      </w:pPr>
    </w:p>
    <w:p w14:paraId="38839230" w14:textId="77777777" w:rsidR="00D17318" w:rsidRDefault="00F5564D" w:rsidP="00221A4C">
      <w:pPr>
        <w:adjustRightInd w:val="0"/>
        <w:snapToGrid w:val="0"/>
        <w:rPr>
          <w:rFonts w:ascii="微軟正黑體" w:eastAsia="微軟正黑體" w:hAnsi="微軟正黑體"/>
          <w:b/>
          <w:color w:val="31849B"/>
          <w:sz w:val="28"/>
          <w:szCs w:val="28"/>
        </w:rPr>
      </w:pPr>
      <w:r w:rsidRPr="007D10AF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第</w:t>
      </w:r>
      <w:r w:rsidR="00086B03" w:rsidRPr="007D10AF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二</w:t>
      </w:r>
      <w:r w:rsidRPr="007D10AF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部分 </w:t>
      </w:r>
      <w:proofErr w:type="gramStart"/>
      <w:r w:rsidRPr="007D10AF">
        <w:rPr>
          <w:rFonts w:ascii="微軟正黑體" w:eastAsia="微軟正黑體" w:hAnsi="微軟正黑體"/>
          <w:b/>
          <w:color w:val="31849B"/>
          <w:sz w:val="28"/>
          <w:szCs w:val="28"/>
        </w:rPr>
        <w:t>–</w:t>
      </w:r>
      <w:proofErr w:type="gramEnd"/>
      <w:r w:rsidR="00FE2E62" w:rsidRPr="007D10AF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長者友善的政策、措施、服務或產品</w:t>
      </w:r>
      <w:r w:rsid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</w:t>
      </w:r>
    </w:p>
    <w:p w14:paraId="07D84A6B" w14:textId="7897C902" w:rsidR="00921F20" w:rsidRPr="003E598F" w:rsidRDefault="36F86DFD" w:rsidP="6A950CAF">
      <w:pPr>
        <w:adjustRightInd w:val="0"/>
        <w:snapToGrid w:val="0"/>
        <w:rPr>
          <w:rFonts w:ascii="微軟正黑體" w:eastAsia="微軟正黑體" w:hAnsi="微軟正黑體"/>
        </w:rPr>
      </w:pPr>
      <w:r w:rsidRPr="1134D8C9">
        <w:rPr>
          <w:rFonts w:ascii="Wingdings" w:eastAsia="Wingdings" w:hAnsi="Wingdings" w:cs="Wingdings"/>
        </w:rPr>
        <w:t></w:t>
      </w:r>
      <w:r w:rsidRPr="1134D8C9">
        <w:rPr>
          <w:rFonts w:ascii="微軟正黑體" w:eastAsia="微軟正黑體" w:hAnsi="微軟正黑體"/>
        </w:rPr>
        <w:t xml:space="preserve"> 必須仍然、或曾經</w:t>
      </w:r>
      <w:r w:rsidRPr="1134D8C9">
        <w:rPr>
          <w:rFonts w:ascii="微軟正黑體" w:eastAsia="微軟正黑體" w:hAnsi="微軟正黑體"/>
          <w:b/>
          <w:bCs/>
        </w:rPr>
        <w:t>在</w:t>
      </w:r>
      <w:r w:rsidR="30A61B8B" w:rsidRPr="1134D8C9">
        <w:rPr>
          <w:rFonts w:ascii="微軟正黑體" w:eastAsia="微軟正黑體" w:hAnsi="微軟正黑體"/>
          <w:b/>
          <w:bCs/>
        </w:rPr>
        <w:t>2021</w:t>
      </w:r>
      <w:r w:rsidRPr="1134D8C9">
        <w:rPr>
          <w:rFonts w:ascii="微軟正黑體" w:eastAsia="微軟正黑體" w:hAnsi="微軟正黑體"/>
          <w:b/>
          <w:bCs/>
        </w:rPr>
        <w:t>年</w:t>
      </w:r>
      <w:r w:rsidR="30A61B8B" w:rsidRPr="1134D8C9">
        <w:rPr>
          <w:rFonts w:ascii="微軟正黑體" w:eastAsia="微軟正黑體" w:hAnsi="微軟正黑體"/>
          <w:b/>
          <w:bCs/>
        </w:rPr>
        <w:t>12</w:t>
      </w:r>
      <w:r w:rsidRPr="1134D8C9">
        <w:rPr>
          <w:rFonts w:ascii="微軟正黑體" w:eastAsia="微軟正黑體" w:hAnsi="微軟正黑體"/>
          <w:b/>
          <w:bCs/>
        </w:rPr>
        <w:t>月1日或之後、推行或提供</w:t>
      </w:r>
      <w:r w:rsidRPr="1134D8C9">
        <w:rPr>
          <w:rFonts w:ascii="微軟正黑體" w:eastAsia="微軟正黑體" w:hAnsi="微軟正黑體"/>
        </w:rPr>
        <w:t>。</w:t>
      </w:r>
    </w:p>
    <w:p w14:paraId="1059F61C" w14:textId="3C4A37F4" w:rsidR="4620A86D" w:rsidRDefault="03A90CC3" w:rsidP="62530F07">
      <w:pPr>
        <w:rPr>
          <w:rFonts w:ascii="微軟正黑體" w:eastAsia="微軟正黑體" w:hAnsi="微軟正黑體"/>
        </w:rPr>
      </w:pPr>
      <w:r w:rsidRPr="62530F07">
        <w:rPr>
          <w:rFonts w:ascii="Wingdings" w:eastAsia="Wingdings" w:hAnsi="Wingdings" w:cs="Wingdings"/>
        </w:rPr>
        <w:t></w:t>
      </w:r>
      <w:r w:rsidRPr="62530F07">
        <w:rPr>
          <w:rFonts w:ascii="微軟正黑體" w:eastAsia="微軟正黑體" w:hAnsi="微軟正黑體"/>
        </w:rPr>
        <w:t xml:space="preserve"> </w:t>
      </w:r>
      <w:r w:rsidR="06BEEE68" w:rsidRPr="62530F07">
        <w:rPr>
          <w:rFonts w:ascii="微軟正黑體" w:eastAsia="微軟正黑體" w:hAnsi="微軟正黑體"/>
        </w:rPr>
        <w:t>參與機構同意提供的資料會用作宣傳「長者友善措施致意行動」之用，社聯於文字編輯上擁有最終決定權</w:t>
      </w:r>
      <w:r w:rsidR="09A419E6" w:rsidRPr="62530F07">
        <w:rPr>
          <w:rFonts w:ascii="微軟正黑體" w:eastAsia="微軟正黑體" w:hAnsi="微軟正黑體"/>
        </w:rPr>
        <w:t>。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ook w:val="04A0" w:firstRow="1" w:lastRow="0" w:firstColumn="1" w:lastColumn="0" w:noHBand="0" w:noVBand="1"/>
      </w:tblPr>
      <w:tblGrid>
        <w:gridCol w:w="9802"/>
      </w:tblGrid>
      <w:tr w:rsidR="00587032" w:rsidRPr="007D10AF" w14:paraId="4DC4FD57" w14:textId="77777777" w:rsidTr="1134D8C9">
        <w:tc>
          <w:tcPr>
            <w:tcW w:w="9802" w:type="dxa"/>
          </w:tcPr>
          <w:p w14:paraId="1195DF35" w14:textId="77777777" w:rsidR="00A07A2C" w:rsidRPr="00A07A2C" w:rsidRDefault="00587032" w:rsidP="00E50D82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7C314A">
              <w:rPr>
                <w:rFonts w:ascii="微軟正黑體" w:eastAsia="微軟正黑體" w:hAnsi="微軟正黑體" w:hint="eastAsia"/>
                <w:b/>
                <w:szCs w:val="24"/>
              </w:rPr>
              <w:t>長者友善政策、措施、服務或產品名稱</w:t>
            </w:r>
            <w:r w:rsidR="00A07A2C">
              <w:rPr>
                <w:rFonts w:ascii="微軟正黑體" w:eastAsia="微軟正黑體" w:hAnsi="微軟正黑體" w:hint="eastAsia"/>
                <w:b/>
                <w:szCs w:val="24"/>
              </w:rPr>
              <w:t>：</w:t>
            </w:r>
          </w:p>
        </w:tc>
      </w:tr>
      <w:tr w:rsidR="007D10AF" w:rsidRPr="007D10AF" w14:paraId="6B62F1B3" w14:textId="77777777" w:rsidTr="1134D8C9">
        <w:trPr>
          <w:trHeight w:val="705"/>
        </w:trPr>
        <w:tc>
          <w:tcPr>
            <w:tcW w:w="9802" w:type="dxa"/>
            <w:shd w:val="clear" w:color="auto" w:fill="BFBFBF" w:themeFill="background1" w:themeFillShade="BF"/>
          </w:tcPr>
          <w:p w14:paraId="5ED80D37" w14:textId="16CAD364" w:rsidR="002D1418" w:rsidRDefault="002D1418" w:rsidP="1134D8C9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permStart w:id="1557233027" w:edGrp="everyone" w:colFirst="0" w:colLast="0"/>
          </w:p>
          <w:p w14:paraId="680A4E5D" w14:textId="77777777" w:rsidR="005D1E45" w:rsidRPr="007D10AF" w:rsidRDefault="005D1E45" w:rsidP="1134D8C9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1557233027"/>
    </w:tbl>
    <w:p w14:paraId="23C1EE10" w14:textId="721D257B" w:rsidR="002472DC" w:rsidRPr="00955A50" w:rsidRDefault="002472DC" w:rsidP="1134D8C9">
      <w:pPr>
        <w:adjustRightInd w:val="0"/>
        <w:snapToGrid w:val="0"/>
        <w:rPr>
          <w:rFonts w:ascii="微軟正黑體" w:eastAsia="微軟正黑體" w:hAnsi="微軟正黑體"/>
          <w:b/>
          <w:bCs/>
        </w:rPr>
      </w:pPr>
    </w:p>
    <w:p w14:paraId="743E8639" w14:textId="20080CDA" w:rsidR="002472DC" w:rsidRPr="00955A50" w:rsidRDefault="5176A847" w:rsidP="5D5FE955">
      <w:pPr>
        <w:adjustRightInd w:val="0"/>
        <w:snapToGrid w:val="0"/>
        <w:rPr>
          <w:rFonts w:ascii="微軟正黑體" w:eastAsia="微軟正黑體" w:hAnsi="微軟正黑體"/>
          <w:b/>
          <w:bCs/>
        </w:rPr>
      </w:pPr>
      <w:r w:rsidRPr="5D5FE955">
        <w:rPr>
          <w:rFonts w:ascii="微軟正黑體" w:eastAsia="微軟正黑體" w:hAnsi="微軟正黑體"/>
          <w:b/>
          <w:bCs/>
        </w:rPr>
        <w:t>長者友善政策、措施、服務或產品推行</w:t>
      </w:r>
      <w:r w:rsidR="00DC0F15" w:rsidRPr="5D5FE955">
        <w:rPr>
          <w:rFonts w:ascii="微軟正黑體" w:eastAsia="微軟正黑體" w:hAnsi="微軟正黑體"/>
          <w:b/>
          <w:bCs/>
        </w:rPr>
        <w:t>時段(年、月)(例如: 由2021年11</w:t>
      </w:r>
      <w:r w:rsidR="009004B0">
        <w:rPr>
          <w:rFonts w:ascii="微軟正黑體" w:eastAsia="微軟正黑體" w:hAnsi="微軟正黑體" w:hint="eastAsia"/>
          <w:b/>
          <w:bCs/>
        </w:rPr>
        <w:t>月</w:t>
      </w:r>
      <w:r w:rsidR="00DC0F15" w:rsidRPr="5D5FE955">
        <w:rPr>
          <w:rFonts w:ascii="微軟正黑體" w:eastAsia="微軟正黑體" w:hAnsi="微軟正黑體"/>
          <w:b/>
          <w:bCs/>
        </w:rPr>
        <w:t>開始至今)</w:t>
      </w:r>
      <w:r w:rsidRPr="5D5FE955">
        <w:rPr>
          <w:rFonts w:ascii="微軟正黑體" w:eastAsia="微軟正黑體" w:hAnsi="微軟正黑體"/>
          <w:b/>
          <w:bCs/>
        </w:rPr>
        <w:t>：________________________________________</w:t>
      </w:r>
    </w:p>
    <w:p w14:paraId="4E3AD294" w14:textId="339967AE" w:rsidR="002472DC" w:rsidRPr="00DC0F15" w:rsidRDefault="002472DC" w:rsidP="1134D8C9">
      <w:pPr>
        <w:adjustRightInd w:val="0"/>
        <w:snapToGrid w:val="0"/>
        <w:rPr>
          <w:rFonts w:ascii="微軟正黑體" w:eastAsia="微軟正黑體" w:hAnsi="微軟正黑體"/>
          <w:b/>
          <w:bCs/>
        </w:rPr>
      </w:pPr>
    </w:p>
    <w:p w14:paraId="1515E26A" w14:textId="53819775" w:rsidR="002472DC" w:rsidRPr="00955A50" w:rsidRDefault="5AE06323" w:rsidP="1134D8C9">
      <w:pPr>
        <w:adjustRightInd w:val="0"/>
        <w:snapToGrid w:val="0"/>
        <w:rPr>
          <w:rFonts w:ascii="微軟正黑體" w:eastAsia="微軟正黑體" w:hAnsi="微軟正黑體"/>
          <w:b/>
          <w:bCs/>
        </w:rPr>
      </w:pPr>
      <w:r w:rsidRPr="1134D8C9">
        <w:rPr>
          <w:rFonts w:ascii="微軟正黑體" w:eastAsia="微軟正黑體" w:hAnsi="微軟正黑體"/>
          <w:b/>
          <w:bCs/>
        </w:rPr>
        <w:t>就</w:t>
      </w:r>
      <w:proofErr w:type="gramStart"/>
      <w:r w:rsidR="6479D8F7" w:rsidRPr="1134D8C9">
        <w:rPr>
          <w:rFonts w:ascii="微軟正黑體" w:eastAsia="微軟正黑體" w:hAnsi="微軟正黑體"/>
          <w:b/>
          <w:bCs/>
        </w:rPr>
        <w:t>世</w:t>
      </w:r>
      <w:proofErr w:type="gramEnd"/>
      <w:r w:rsidR="6479D8F7" w:rsidRPr="1134D8C9">
        <w:rPr>
          <w:rFonts w:ascii="微軟正黑體" w:eastAsia="微軟正黑體" w:hAnsi="微軟正黑體"/>
          <w:b/>
          <w:bCs/>
        </w:rPr>
        <w:t>衞倡議的八個「長者友善城市」範疇</w:t>
      </w:r>
      <w:r w:rsidR="5C739F91" w:rsidRPr="1134D8C9">
        <w:rPr>
          <w:rFonts w:ascii="微軟正黑體" w:eastAsia="微軟正黑體" w:hAnsi="微軟正黑體"/>
          <w:b/>
          <w:bCs/>
        </w:rPr>
        <w:t>，剔選相關細項描述</w:t>
      </w:r>
      <w:r w:rsidR="6479D8F7" w:rsidRPr="1134D8C9">
        <w:rPr>
          <w:rFonts w:ascii="微軟正黑體" w:eastAsia="微軟正黑體" w:hAnsi="微軟正黑體"/>
          <w:b/>
          <w:bCs/>
        </w:rPr>
        <w:t xml:space="preserve"> </w:t>
      </w:r>
      <w:r w:rsidR="4A8B7456" w:rsidRPr="1134D8C9">
        <w:rPr>
          <w:rFonts w:ascii="微軟正黑體" w:eastAsia="微軟正黑體" w:hAnsi="微軟正黑體"/>
          <w:b/>
          <w:bCs/>
        </w:rPr>
        <w:t>(</w:t>
      </w:r>
      <w:r w:rsidR="6479D8F7" w:rsidRPr="1134D8C9">
        <w:rPr>
          <w:rFonts w:ascii="微軟正黑體" w:eastAsia="微軟正黑體" w:hAnsi="微軟正黑體"/>
          <w:b/>
          <w:bCs/>
        </w:rPr>
        <w:t>可</w:t>
      </w:r>
      <w:r w:rsidR="3C534C95" w:rsidRPr="1134D8C9">
        <w:rPr>
          <w:rFonts w:ascii="微軟正黑體" w:eastAsia="微軟正黑體" w:hAnsi="微軟正黑體"/>
          <w:b/>
          <w:bCs/>
        </w:rPr>
        <w:t>剔選</w:t>
      </w:r>
      <w:r w:rsidR="4A8B7456" w:rsidRPr="1134D8C9">
        <w:rPr>
          <w:rFonts w:ascii="微軟正黑體" w:eastAsia="微軟正黑體" w:hAnsi="微軟正黑體"/>
          <w:b/>
          <w:bCs/>
        </w:rPr>
        <w:t>多項)</w:t>
      </w:r>
    </w:p>
    <w:p w14:paraId="12FAA7CA" w14:textId="77777777" w:rsidR="00296B37" w:rsidRDefault="00A13B0F" w:rsidP="00F5564D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4"/>
        </w:rPr>
      </w:pPr>
      <w:r>
        <w:rPr>
          <w:rFonts w:ascii="微軟正黑體" w:eastAsia="微軟正黑體" w:hAnsi="微軟正黑體" w:hint="eastAsia"/>
          <w:b/>
          <w:color w:val="31849B"/>
          <w:szCs w:val="24"/>
        </w:rPr>
        <w:t xml:space="preserve">室外空間和建築 - </w:t>
      </w:r>
      <w:r w:rsidRPr="00A13B0F">
        <w:rPr>
          <w:rFonts w:ascii="微軟正黑體" w:eastAsia="微軟正黑體" w:hAnsi="微軟正黑體" w:hint="eastAsia"/>
          <w:b/>
          <w:sz w:val="20"/>
          <w:szCs w:val="20"/>
        </w:rPr>
        <w:t>舒適的戶外空間和建築設施，對長者積極參與社區活動及居家安老極其重要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2552"/>
        <w:gridCol w:w="2740"/>
        <w:gridCol w:w="3268"/>
      </w:tblGrid>
      <w:tr w:rsidR="00F5564D" w:rsidRPr="00296B37" w14:paraId="69D34C76" w14:textId="77777777" w:rsidTr="00410F76">
        <w:trPr>
          <w:trHeight w:hRule="exact" w:val="425"/>
        </w:trPr>
        <w:tc>
          <w:tcPr>
            <w:tcW w:w="3794" w:type="dxa"/>
            <w:gridSpan w:val="2"/>
            <w:vAlign w:val="bottom"/>
          </w:tcPr>
          <w:p w14:paraId="6BF43F2D" w14:textId="77777777" w:rsidR="00F5564D" w:rsidRPr="00296B37" w:rsidRDefault="002370F5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6144371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8982810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89828107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>
              <w:rPr>
                <w:rFonts w:ascii="微軟正黑體" w:eastAsia="微軟正黑體" w:hAnsi="微軟正黑體" w:hint="eastAsia"/>
                <w:sz w:val="20"/>
                <w:szCs w:val="20"/>
              </w:rPr>
              <w:t>無障礙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設施</w:t>
            </w:r>
          </w:p>
        </w:tc>
        <w:tc>
          <w:tcPr>
            <w:tcW w:w="2740" w:type="dxa"/>
            <w:vAlign w:val="bottom"/>
          </w:tcPr>
          <w:p w14:paraId="2911CCE0" w14:textId="77777777" w:rsidR="00F5564D" w:rsidRPr="00296B37" w:rsidRDefault="002370F5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78207421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7994946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79949466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安全的扶手電梯</w:t>
            </w:r>
            <w:r w:rsidR="00296B37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/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升降機</w:t>
            </w:r>
          </w:p>
        </w:tc>
        <w:tc>
          <w:tcPr>
            <w:tcW w:w="3268" w:type="dxa"/>
            <w:vAlign w:val="bottom"/>
          </w:tcPr>
          <w:p w14:paraId="1BC32B2E" w14:textId="77777777" w:rsidR="00F5564D" w:rsidRPr="00296B37" w:rsidRDefault="002370F5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9218593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2364590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23645903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安全、寬闊的出入口及通道</w:t>
            </w:r>
          </w:p>
        </w:tc>
      </w:tr>
      <w:tr w:rsidR="0042778E" w:rsidRPr="00296B37" w14:paraId="1A19C6C6" w14:textId="77777777" w:rsidTr="00410F76">
        <w:trPr>
          <w:trHeight w:hRule="exact" w:val="425"/>
        </w:trPr>
        <w:tc>
          <w:tcPr>
            <w:tcW w:w="3794" w:type="dxa"/>
            <w:gridSpan w:val="2"/>
            <w:vAlign w:val="bottom"/>
          </w:tcPr>
          <w:p w14:paraId="4CA312AE" w14:textId="77777777" w:rsidR="0042778E" w:rsidRPr="00296B37" w:rsidRDefault="002370F5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19599684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2700257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27002570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>
              <w:rPr>
                <w:rFonts w:ascii="微軟正黑體" w:eastAsia="微軟正黑體" w:hAnsi="微軟正黑體" w:hint="eastAsia"/>
                <w:sz w:val="20"/>
                <w:szCs w:val="20"/>
              </w:rPr>
              <w:t>寬闊平坦、</w:t>
            </w:r>
            <w:proofErr w:type="gramStart"/>
            <w:r w:rsidR="00296B37">
              <w:rPr>
                <w:rFonts w:ascii="微軟正黑體" w:eastAsia="微軟正黑體" w:hAnsi="微軟正黑體" w:hint="eastAsia"/>
                <w:sz w:val="20"/>
                <w:szCs w:val="20"/>
              </w:rPr>
              <w:t>防滑及低</w:t>
            </w:r>
            <w:proofErr w:type="gramEnd"/>
            <w:r w:rsidR="00296B37">
              <w:rPr>
                <w:rFonts w:ascii="微軟正黑體" w:eastAsia="微軟正黑體" w:hAnsi="微軟正黑體" w:hint="eastAsia"/>
                <w:sz w:val="20"/>
                <w:szCs w:val="20"/>
              </w:rPr>
              <w:t>斜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度的行人道</w:t>
            </w:r>
          </w:p>
        </w:tc>
        <w:tc>
          <w:tcPr>
            <w:tcW w:w="2740" w:type="dxa"/>
            <w:vAlign w:val="bottom"/>
          </w:tcPr>
          <w:p w14:paraId="18FC3CCD" w14:textId="77777777" w:rsidR="0042778E" w:rsidRPr="00296B37" w:rsidRDefault="002370F5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2918380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8954855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89548554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8D65C4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安全的過路設施</w:t>
            </w:r>
          </w:p>
        </w:tc>
        <w:tc>
          <w:tcPr>
            <w:tcW w:w="3268" w:type="dxa"/>
            <w:vAlign w:val="bottom"/>
          </w:tcPr>
          <w:p w14:paraId="7429FF59" w14:textId="77777777" w:rsidR="0042778E" w:rsidRPr="00296B37" w:rsidRDefault="002370F5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49680153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8800671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88006716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A13B0F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長者優先服務櫃台</w:t>
            </w:r>
          </w:p>
        </w:tc>
      </w:tr>
      <w:tr w:rsidR="00296B37" w:rsidRPr="00296B37" w14:paraId="435C3AA3" w14:textId="77777777" w:rsidTr="00410F76">
        <w:trPr>
          <w:trHeight w:hRule="exact" w:val="425"/>
        </w:trPr>
        <w:tc>
          <w:tcPr>
            <w:tcW w:w="3794" w:type="dxa"/>
            <w:gridSpan w:val="2"/>
            <w:vAlign w:val="bottom"/>
          </w:tcPr>
          <w:p w14:paraId="297A46EC" w14:textId="77777777" w:rsidR="00296B37" w:rsidRPr="00296B37" w:rsidRDefault="002370F5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84143125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0561719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05617193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衞生綠化的環境</w:t>
            </w:r>
          </w:p>
        </w:tc>
        <w:tc>
          <w:tcPr>
            <w:tcW w:w="2740" w:type="dxa"/>
            <w:vAlign w:val="bottom"/>
          </w:tcPr>
          <w:p w14:paraId="73F5A183" w14:textId="77777777" w:rsidR="00296B37" w:rsidRPr="00296B37" w:rsidRDefault="002370F5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71115850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830565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8305652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舒適的休息區</w:t>
            </w:r>
          </w:p>
        </w:tc>
        <w:tc>
          <w:tcPr>
            <w:tcW w:w="3268" w:type="dxa"/>
            <w:vAlign w:val="bottom"/>
          </w:tcPr>
          <w:p w14:paraId="64066A60" w14:textId="77777777" w:rsidR="00296B37" w:rsidRPr="00296B37" w:rsidRDefault="002370F5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5233679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0853634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08536349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足夠座位供長者使用</w:t>
            </w:r>
          </w:p>
        </w:tc>
      </w:tr>
      <w:tr w:rsidR="00296B37" w:rsidRPr="00296B37" w14:paraId="4FF81CD5" w14:textId="77777777" w:rsidTr="00410F76">
        <w:trPr>
          <w:trHeight w:hRule="exact" w:val="425"/>
        </w:trPr>
        <w:tc>
          <w:tcPr>
            <w:tcW w:w="3794" w:type="dxa"/>
            <w:gridSpan w:val="2"/>
            <w:vAlign w:val="bottom"/>
          </w:tcPr>
          <w:p w14:paraId="1853619A" w14:textId="77777777" w:rsidR="00296B37" w:rsidRPr="00296B37" w:rsidRDefault="002370F5" w:rsidP="00A13B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73196477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3819251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38192516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適合長者使用並數量足夠的衞生間</w:t>
            </w:r>
          </w:p>
        </w:tc>
        <w:tc>
          <w:tcPr>
            <w:tcW w:w="2740" w:type="dxa"/>
            <w:vAlign w:val="bottom"/>
          </w:tcPr>
          <w:p w14:paraId="296FEF7D" w14:textId="77777777" w:rsidR="00296B37" w:rsidRPr="00296B37" w:rsidRDefault="00296B37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  <w:tc>
          <w:tcPr>
            <w:tcW w:w="3268" w:type="dxa"/>
            <w:vAlign w:val="bottom"/>
          </w:tcPr>
          <w:p w14:paraId="7194DBDC" w14:textId="77777777" w:rsidR="00296B37" w:rsidRPr="00296B37" w:rsidRDefault="00296B37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Start w:id="1588858018" w:edGrp="everyone" w:colFirst="1" w:colLast="1"/>
      <w:tr w:rsidR="00587032" w:rsidRPr="00296B37" w14:paraId="59A1B383" w14:textId="77777777" w:rsidTr="00410F76">
        <w:trPr>
          <w:trHeight w:hRule="exact" w:val="425"/>
        </w:trPr>
        <w:tc>
          <w:tcPr>
            <w:tcW w:w="1242" w:type="dxa"/>
            <w:vAlign w:val="bottom"/>
          </w:tcPr>
          <w:p w14:paraId="3E86FE38" w14:textId="77777777" w:rsidR="00587032" w:rsidRPr="00296B37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93087668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131772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21317725"/>
              </w:sdtContent>
            </w:sdt>
            <w:r w:rsidR="00587032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560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769D0D3C" w14:textId="77777777" w:rsidR="00587032" w:rsidRPr="00296B37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588858018"/>
    </w:tbl>
    <w:p w14:paraId="54CD245A" w14:textId="77777777" w:rsidR="00595C09" w:rsidRDefault="00595C09" w:rsidP="00F5564D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4"/>
        </w:rPr>
      </w:pPr>
    </w:p>
    <w:p w14:paraId="32E4CC93" w14:textId="246109BB" w:rsidR="00A13B0F" w:rsidRPr="002552FA" w:rsidRDefault="625EB9BE" w:rsidP="1134D8C9">
      <w:pPr>
        <w:widowControl/>
        <w:rPr>
          <w:rFonts w:ascii="微軟正黑體" w:eastAsia="微軟正黑體" w:hAnsi="微軟正黑體"/>
          <w:b/>
          <w:bCs/>
          <w:color w:val="31849B"/>
        </w:rPr>
      </w:pPr>
      <w:r w:rsidRPr="1134D8C9">
        <w:rPr>
          <w:rFonts w:ascii="微軟正黑體" w:eastAsia="微軟正黑體" w:hAnsi="微軟正黑體"/>
          <w:b/>
          <w:bCs/>
          <w:color w:val="31849B" w:themeColor="accent5" w:themeShade="BF"/>
        </w:rPr>
        <w:t>交通</w:t>
      </w:r>
      <w:r w:rsidR="7D9235D8" w:rsidRPr="1134D8C9">
        <w:rPr>
          <w:rFonts w:ascii="微軟正黑體" w:eastAsia="微軟正黑體" w:hAnsi="微軟正黑體"/>
          <w:b/>
          <w:bCs/>
          <w:color w:val="31849B" w:themeColor="accent5" w:themeShade="BF"/>
        </w:rPr>
        <w:t xml:space="preserve"> -</w:t>
      </w:r>
      <w:r w:rsidR="3CC27FA2" w:rsidRPr="1134D8C9">
        <w:rPr>
          <w:rFonts w:ascii="微軟正黑體" w:eastAsia="微軟正黑體" w:hAnsi="微軟正黑體"/>
          <w:b/>
          <w:bCs/>
          <w:color w:val="31849B" w:themeColor="accent5" w:themeShade="BF"/>
        </w:rPr>
        <w:t xml:space="preserve"> </w:t>
      </w:r>
      <w:r w:rsidR="7D9235D8" w:rsidRPr="1134D8C9">
        <w:rPr>
          <w:rFonts w:ascii="微軟正黑體" w:eastAsia="微軟正黑體" w:hAnsi="微軟正黑體"/>
          <w:b/>
          <w:bCs/>
          <w:sz w:val="20"/>
          <w:szCs w:val="20"/>
        </w:rPr>
        <w:t>方便快捷和價格合理的交通系統可讓長者融入社交生活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3828"/>
        <w:gridCol w:w="4677"/>
      </w:tblGrid>
      <w:tr w:rsidR="00F5564D" w:rsidRPr="005F1E60" w14:paraId="20BDFD3A" w14:textId="77777777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14:paraId="211D38D1" w14:textId="77777777" w:rsidR="00F5564D" w:rsidRPr="005F1E60" w:rsidRDefault="002370F5" w:rsidP="007B1A8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4281123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321686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3216865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B1A80" w:rsidRPr="007B1A80">
              <w:rPr>
                <w:rFonts w:ascii="微軟正黑體" w:eastAsia="微軟正黑體" w:hAnsi="微軟正黑體" w:hint="eastAsia"/>
                <w:sz w:val="20"/>
                <w:szCs w:val="20"/>
              </w:rPr>
              <w:t>適合長者</w:t>
            </w:r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的公共交通</w:t>
            </w:r>
            <w:r w:rsidR="007B1A80" w:rsidRPr="007B1A80">
              <w:rPr>
                <w:rFonts w:ascii="微軟正黑體" w:eastAsia="微軟正黑體" w:hAnsi="微軟正黑體" w:hint="eastAsia"/>
                <w:sz w:val="20"/>
                <w:szCs w:val="20"/>
              </w:rPr>
              <w:t>覆蓋</w:t>
            </w:r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網絡</w:t>
            </w:r>
          </w:p>
        </w:tc>
        <w:tc>
          <w:tcPr>
            <w:tcW w:w="4677" w:type="dxa"/>
            <w:vAlign w:val="bottom"/>
          </w:tcPr>
          <w:p w14:paraId="54545540" w14:textId="77777777" w:rsidR="00F5564D" w:rsidRPr="005F1E60" w:rsidRDefault="002370F5" w:rsidP="007B1A8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1836512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6385578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63855782"/>
              </w:sdtContent>
            </w:sdt>
            <w:r w:rsidR="007B1A8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附近有</w:t>
            </w:r>
            <w:r w:rsidR="007B1A80" w:rsidRPr="007B1A80">
              <w:rPr>
                <w:rFonts w:ascii="微軟正黑體" w:eastAsia="微軟正黑體" w:hAnsi="微軟正黑體" w:hint="eastAsia"/>
                <w:sz w:val="20"/>
                <w:szCs w:val="20"/>
              </w:rPr>
              <w:t>便捷</w:t>
            </w:r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的公共交通工具</w:t>
            </w:r>
          </w:p>
        </w:tc>
      </w:tr>
      <w:tr w:rsidR="00F5564D" w:rsidRPr="005F1E60" w14:paraId="6E04BA1C" w14:textId="77777777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14:paraId="6F635380" w14:textId="77777777" w:rsidR="00F5564D" w:rsidRPr="005F1E60" w:rsidRDefault="002370F5" w:rsidP="005F1E6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78688654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4559762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45597620"/>
              </w:sdtContent>
            </w:sdt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方便長者到達的車站點</w:t>
            </w:r>
          </w:p>
        </w:tc>
        <w:tc>
          <w:tcPr>
            <w:tcW w:w="4677" w:type="dxa"/>
            <w:vAlign w:val="bottom"/>
          </w:tcPr>
          <w:p w14:paraId="4E9B5E35" w14:textId="77777777" w:rsidR="00F5564D" w:rsidRPr="005F1E60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4293819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7191924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71919243"/>
              </w:sdtContent>
            </w:sdt>
            <w:r w:rsidR="007B1A8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免費穿梭巴士服務</w:t>
            </w:r>
          </w:p>
        </w:tc>
      </w:tr>
      <w:tr w:rsidR="00F5564D" w:rsidRPr="005F1E60" w14:paraId="4F294320" w14:textId="77777777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14:paraId="2020E8E0" w14:textId="77777777" w:rsidR="00F5564D" w:rsidRPr="005F1E60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12012776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8144042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81440422"/>
              </w:sdtContent>
            </w:sdt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舒適的候車環境</w:t>
            </w:r>
          </w:p>
        </w:tc>
        <w:tc>
          <w:tcPr>
            <w:tcW w:w="4677" w:type="dxa"/>
            <w:vAlign w:val="bottom"/>
          </w:tcPr>
          <w:p w14:paraId="23D87FAF" w14:textId="77777777" w:rsidR="00F5564D" w:rsidRPr="005F1E60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35324845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8405531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284055317"/>
              </w:sdtContent>
            </w:sdt>
            <w:r w:rsid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3E598F">
              <w:rPr>
                <w:rFonts w:ascii="微軟正黑體" w:eastAsia="微軟正黑體" w:hAnsi="微軟正黑體" w:hint="eastAsia"/>
                <w:sz w:val="20"/>
                <w:szCs w:val="20"/>
              </w:rPr>
              <w:t>方便長者進出的車廂</w:t>
            </w:r>
          </w:p>
        </w:tc>
      </w:tr>
      <w:tr w:rsidR="00F5564D" w:rsidRPr="005F1E60" w14:paraId="39B8CC80" w14:textId="77777777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14:paraId="5A075EE6" w14:textId="77777777" w:rsidR="00F5564D" w:rsidRPr="005F1E60" w:rsidRDefault="002370F5" w:rsidP="007B1A8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3482961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8056357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80563575"/>
              </w:sdtContent>
            </w:sdt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愛心座位，推動其他乘客主動讓座予長者</w:t>
            </w:r>
          </w:p>
        </w:tc>
        <w:tc>
          <w:tcPr>
            <w:tcW w:w="4677" w:type="dxa"/>
            <w:vAlign w:val="bottom"/>
          </w:tcPr>
          <w:p w14:paraId="69684D76" w14:textId="77777777" w:rsidR="00F5564D" w:rsidRPr="005F1E60" w:rsidRDefault="002370F5" w:rsidP="00C653A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35626362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3068128" w:edGrp="everyone"/>
                <w:r w:rsidR="002F54E1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3068128"/>
              </w:sdtContent>
            </w:sdt>
            <w:r w:rsid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清晰</w:t>
            </w:r>
            <w:r w:rsidR="00C653AD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易明</w:t>
            </w:r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的</w:t>
            </w:r>
            <w:r w:rsidR="00C653AD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乘搭資訊及指示</w:t>
            </w:r>
          </w:p>
        </w:tc>
      </w:tr>
      <w:tr w:rsidR="00F5564D" w:rsidRPr="005F1E60" w14:paraId="24DA21D4" w14:textId="77777777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14:paraId="4FA80314" w14:textId="77777777" w:rsidR="00F5564D" w:rsidRPr="005F1E60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5586610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2379521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23795217"/>
              </w:sdtContent>
            </w:sdt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長者搭乘優惠或津貼</w:t>
            </w:r>
          </w:p>
        </w:tc>
        <w:tc>
          <w:tcPr>
            <w:tcW w:w="4677" w:type="dxa"/>
            <w:vAlign w:val="bottom"/>
          </w:tcPr>
          <w:p w14:paraId="0AAC1BD9" w14:textId="77777777" w:rsidR="00F5564D" w:rsidRPr="005F1E60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0408497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90644532" w:edGrp="everyone"/>
                <w:r w:rsidR="002F54E1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90644532"/>
              </w:sdtContent>
            </w:sdt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頻密和準時的班次</w:t>
            </w:r>
          </w:p>
        </w:tc>
      </w:tr>
      <w:tr w:rsidR="00F5564D" w:rsidRPr="005F1E60" w14:paraId="435F5698" w14:textId="77777777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14:paraId="1838AD95" w14:textId="77777777" w:rsidR="00F5564D" w:rsidRPr="005F1E60" w:rsidRDefault="002370F5" w:rsidP="005F1E6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39292533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5315312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53153125"/>
              </w:sdtContent>
            </w:sdt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</w:t>
            </w:r>
            <w:r w:rsidR="005F1E6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長者及傷健人士</w:t>
            </w:r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優先的泊車位置</w:t>
            </w:r>
            <w:r w:rsidR="005E696B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/ 泊車優惠</w:t>
            </w:r>
          </w:p>
        </w:tc>
        <w:tc>
          <w:tcPr>
            <w:tcW w:w="4677" w:type="dxa"/>
            <w:vAlign w:val="bottom"/>
          </w:tcPr>
          <w:p w14:paraId="0667C5D2" w14:textId="77777777" w:rsidR="00F5564D" w:rsidRPr="005F1E60" w:rsidRDefault="002370F5" w:rsidP="007B1A8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44421331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12473615" w:edGrp="everyone"/>
                <w:r w:rsidR="002F54E1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12473615"/>
              </w:sdtContent>
            </w:sdt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推廣司機友善對待長者的態度</w:t>
            </w:r>
          </w:p>
        </w:tc>
      </w:tr>
      <w:tr w:rsidR="007B1A80" w:rsidRPr="005F1E60" w14:paraId="424B4DDB" w14:textId="77777777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14:paraId="5CB27383" w14:textId="77777777" w:rsidR="007B1A80" w:rsidRPr="005F1E60" w:rsidRDefault="002370F5" w:rsidP="005E696B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41569695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0960106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09601067"/>
              </w:sdtContent>
            </w:sdt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推廣車站工作人員積極協助長者</w:t>
            </w:r>
          </w:p>
        </w:tc>
        <w:tc>
          <w:tcPr>
            <w:tcW w:w="4677" w:type="dxa"/>
            <w:vAlign w:val="bottom"/>
          </w:tcPr>
          <w:p w14:paraId="1FFA1704" w14:textId="77777777" w:rsidR="007B1A80" w:rsidRPr="005F1E60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39230256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52415375" w:edGrp="everyone"/>
                <w:r w:rsidR="002F54E1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1252415375"/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推廣司機讓路行人的駕駛態度</w:t>
            </w:r>
          </w:p>
        </w:tc>
      </w:tr>
      <w:permStart w:id="2024041795" w:edGrp="everyone" w:colFirst="1" w:colLast="1"/>
      <w:tr w:rsidR="00587032" w:rsidRPr="005F1E60" w14:paraId="11603D73" w14:textId="77777777" w:rsidTr="002552FA">
        <w:trPr>
          <w:trHeight w:hRule="exact" w:val="397"/>
        </w:trPr>
        <w:tc>
          <w:tcPr>
            <w:tcW w:w="1242" w:type="dxa"/>
            <w:vAlign w:val="bottom"/>
          </w:tcPr>
          <w:p w14:paraId="794DC013" w14:textId="77777777" w:rsidR="00587032" w:rsidRPr="005F1E60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9430489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8529669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85296692"/>
              </w:sdtContent>
            </w:sdt>
            <w:r w:rsidR="00587032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505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1231BE67" w14:textId="77777777" w:rsidR="00587032" w:rsidRPr="005F1E60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2024041795"/>
    </w:tbl>
    <w:p w14:paraId="36FEB5B0" w14:textId="77777777" w:rsidR="00D17318" w:rsidRDefault="00D17318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color w:val="31849B"/>
          <w:szCs w:val="24"/>
        </w:rPr>
      </w:pPr>
    </w:p>
    <w:p w14:paraId="0484BB7E" w14:textId="77777777" w:rsidR="00F5564D" w:rsidRPr="008F19D4" w:rsidRDefault="00F5564D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sz w:val="20"/>
          <w:szCs w:val="20"/>
        </w:rPr>
      </w:pPr>
      <w:r w:rsidRPr="00C653AD">
        <w:rPr>
          <w:rFonts w:ascii="微軟正黑體" w:eastAsia="微軟正黑體" w:hAnsi="微軟正黑體" w:hint="eastAsia"/>
          <w:b/>
          <w:color w:val="31849B"/>
          <w:szCs w:val="24"/>
        </w:rPr>
        <w:t>住所</w:t>
      </w:r>
      <w:r w:rsidR="00C653AD" w:rsidRPr="00C653AD">
        <w:rPr>
          <w:rFonts w:ascii="微軟正黑體" w:eastAsia="微軟正黑體" w:hAnsi="微軟正黑體" w:hint="eastAsia"/>
          <w:b/>
          <w:color w:val="31849B"/>
          <w:szCs w:val="24"/>
        </w:rPr>
        <w:t xml:space="preserve"> - </w:t>
      </w:r>
      <w:r w:rsidR="00C653AD" w:rsidRPr="00C653AD">
        <w:rPr>
          <w:rFonts w:ascii="微軟正黑體" w:eastAsia="微軟正黑體" w:hAnsi="微軟正黑體" w:hint="eastAsia"/>
          <w:b/>
          <w:sz w:val="20"/>
          <w:szCs w:val="20"/>
        </w:rPr>
        <w:t>恰當</w:t>
      </w:r>
      <w:r w:rsidR="00C653AD" w:rsidRPr="008F19D4">
        <w:rPr>
          <w:rFonts w:ascii="微軟正黑體" w:eastAsia="微軟正黑體" w:hAnsi="微軟正黑體" w:hint="eastAsia"/>
          <w:b/>
          <w:sz w:val="20"/>
          <w:szCs w:val="20"/>
        </w:rPr>
        <w:t>的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住戶設計、結構和位置</w:t>
      </w:r>
      <w:r w:rsidR="00C653AD" w:rsidRPr="00C653AD">
        <w:rPr>
          <w:rFonts w:ascii="微軟正黑體" w:eastAsia="微軟正黑體" w:hAnsi="微軟正黑體" w:hint="eastAsia"/>
          <w:b/>
          <w:sz w:val="20"/>
          <w:szCs w:val="20"/>
        </w:rPr>
        <w:t>能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讓長者安全及獨立地生活，</w:t>
      </w:r>
      <w:r w:rsidR="00C653AD" w:rsidRPr="00C653AD">
        <w:rPr>
          <w:rFonts w:ascii="微軟正黑體" w:eastAsia="微軟正黑體" w:hAnsi="微軟正黑體" w:hint="eastAsia"/>
          <w:b/>
          <w:sz w:val="20"/>
          <w:szCs w:val="20"/>
        </w:rPr>
        <w:t>促進</w:t>
      </w:r>
      <w:r w:rsidR="00C653AD">
        <w:rPr>
          <w:rFonts w:ascii="微軟正黑體" w:eastAsia="微軟正黑體" w:hAnsi="微軟正黑體" w:hint="eastAsia"/>
          <w:b/>
          <w:sz w:val="20"/>
          <w:szCs w:val="20"/>
        </w:rPr>
        <w:t>他們的生活質素及社交活動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3631"/>
        <w:gridCol w:w="4874"/>
      </w:tblGrid>
      <w:tr w:rsidR="009E4D0F" w:rsidRPr="00C653AD" w14:paraId="73452B63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3071107A" w14:textId="77777777" w:rsidR="009E4D0F" w:rsidRPr="00C653AD" w:rsidRDefault="002370F5" w:rsidP="009E4D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4860018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73045477" w:edGrp="everyone"/>
                <w:r w:rsidR="002779C9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73045477"/>
              </w:sdtContent>
            </w:sdt>
            <w:r w:rsidR="009E4D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興建</w:t>
            </w:r>
            <w:r w:rsidR="009E4D0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適合長者的居所</w:t>
            </w:r>
          </w:p>
        </w:tc>
        <w:tc>
          <w:tcPr>
            <w:tcW w:w="4874" w:type="dxa"/>
            <w:vAlign w:val="bottom"/>
          </w:tcPr>
          <w:p w14:paraId="51B92963" w14:textId="77777777" w:rsidR="009E4D0F" w:rsidRPr="00C653AD" w:rsidRDefault="002370F5" w:rsidP="009E4D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9644911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4759402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4759402"/>
              </w:sdtContent>
            </w:sdt>
            <w:r w:rsidR="009E4D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9E4D0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適合長者的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居所</w:t>
            </w:r>
            <w:r w:rsidR="009E4D0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位置</w:t>
            </w:r>
          </w:p>
        </w:tc>
      </w:tr>
      <w:tr w:rsidR="009E4D0F" w:rsidRPr="00C653AD" w14:paraId="5C3AC475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0353E55F" w14:textId="77777777" w:rsidR="009E4D0F" w:rsidRPr="00C653AD" w:rsidRDefault="002370F5" w:rsidP="0051113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2630986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74368479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74368479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制訂適合長者的住所設計和結構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  <w:lang w:eastAsia="zh-HK"/>
              </w:rPr>
              <w:t>的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標準</w:t>
            </w:r>
          </w:p>
        </w:tc>
        <w:tc>
          <w:tcPr>
            <w:tcW w:w="4874" w:type="dxa"/>
            <w:vAlign w:val="bottom"/>
          </w:tcPr>
          <w:p w14:paraId="0D748581" w14:textId="77777777" w:rsidR="009E4D0F" w:rsidRPr="00C653AD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24294242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0529151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05291517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因長者的特別需要而進行維修或改建服務</w:t>
            </w:r>
          </w:p>
        </w:tc>
      </w:tr>
      <w:tr w:rsidR="009E4D0F" w:rsidRPr="00C653AD" w14:paraId="33F2E025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20772901" w14:textId="77777777" w:rsidR="009E4D0F" w:rsidRPr="00C653AD" w:rsidRDefault="002370F5" w:rsidP="009E4D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15444811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90118499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90118499"/>
              </w:sdtContent>
            </w:sdt>
            <w:r w:rsid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提供適合長者的智能家居設計</w:t>
            </w:r>
          </w:p>
        </w:tc>
        <w:tc>
          <w:tcPr>
            <w:tcW w:w="4874" w:type="dxa"/>
            <w:vAlign w:val="bottom"/>
          </w:tcPr>
          <w:p w14:paraId="6A75CE96" w14:textId="77777777" w:rsidR="009E4D0F" w:rsidRPr="00C653AD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31110668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86959641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86959641"/>
              </w:sdtContent>
            </w:sdt>
            <w:r w:rsidR="0051113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51113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提供長者安全的住所環境及設施</w:t>
            </w:r>
          </w:p>
        </w:tc>
      </w:tr>
      <w:tr w:rsidR="009E4D0F" w:rsidRPr="00C653AD" w14:paraId="181406A3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7E57F68E" w14:textId="77777777" w:rsidR="009E4D0F" w:rsidRPr="00C653AD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85388109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18952072" w:edGrp="everyone"/>
                <w:r w:rsidR="002779C9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18952072"/>
              </w:sdtContent>
            </w:sdt>
            <w:r w:rsidR="0051113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安全的電梯及扶手等配套措施</w:t>
            </w:r>
          </w:p>
        </w:tc>
        <w:tc>
          <w:tcPr>
            <w:tcW w:w="4874" w:type="dxa"/>
            <w:vAlign w:val="bottom"/>
          </w:tcPr>
          <w:p w14:paraId="4A1966BC" w14:textId="77777777" w:rsidR="009E4D0F" w:rsidRPr="00C653AD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89626718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82494309" w:edGrp="everyone"/>
                <w:r w:rsidR="002779C9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82494309"/>
              </w:sdtContent>
            </w:sdt>
            <w:r w:rsid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提供</w:t>
            </w:r>
            <w:r w:rsidR="0051113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適合長者的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社交空間</w:t>
            </w:r>
          </w:p>
        </w:tc>
      </w:tr>
      <w:tr w:rsidR="009E4D0F" w:rsidRPr="00C653AD" w14:paraId="44BF4A8B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54E39A0F" w14:textId="77777777" w:rsidR="009E4D0F" w:rsidRPr="00C653AD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67965563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53883625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53883625"/>
              </w:sdtContent>
            </w:sdt>
            <w:r w:rsidR="009E4D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優惠</w:t>
            </w:r>
            <w:r w:rsidR="009E4D0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長者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的房屋措施或經濟援助</w:t>
            </w:r>
          </w:p>
        </w:tc>
        <w:tc>
          <w:tcPr>
            <w:tcW w:w="4874" w:type="dxa"/>
            <w:vAlign w:val="bottom"/>
          </w:tcPr>
          <w:p w14:paraId="1AD472C2" w14:textId="77777777" w:rsidR="009E4D0F" w:rsidRPr="00C653AD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80570418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97137804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97137804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優惠長者的水、電、上網及雜費的家居措施或計劃</w:t>
            </w:r>
          </w:p>
        </w:tc>
      </w:tr>
      <w:tr w:rsidR="009E4D0F" w:rsidRPr="00C653AD" w14:paraId="0E9811B3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1AD0FC21" w14:textId="77777777" w:rsidR="009E4D0F" w:rsidRPr="00C653AD" w:rsidRDefault="002370F5" w:rsidP="009E4D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72332685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87033379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87033379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長者居家安老的相關服務</w:t>
            </w:r>
          </w:p>
        </w:tc>
        <w:tc>
          <w:tcPr>
            <w:tcW w:w="4874" w:type="dxa"/>
            <w:vAlign w:val="bottom"/>
          </w:tcPr>
          <w:p w14:paraId="14D92E49" w14:textId="77777777" w:rsidR="009E4D0F" w:rsidRPr="00C653AD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19716276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63159037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63159037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為長者提供上門到戶、送貨服務</w:t>
            </w:r>
          </w:p>
        </w:tc>
      </w:tr>
      <w:permStart w:id="1978824761" w:edGrp="everyone" w:colFirst="1" w:colLast="1"/>
      <w:tr w:rsidR="00587032" w:rsidRPr="00C653AD" w14:paraId="4033CA1A" w14:textId="77777777" w:rsidTr="002552FA">
        <w:trPr>
          <w:trHeight w:hRule="exact" w:val="397"/>
        </w:trPr>
        <w:tc>
          <w:tcPr>
            <w:tcW w:w="1242" w:type="dxa"/>
            <w:vAlign w:val="bottom"/>
          </w:tcPr>
          <w:p w14:paraId="4B84D64C" w14:textId="77777777" w:rsidR="00587032" w:rsidRPr="00C653AD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0130785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90476735" w:edGrp="everyone"/>
                <w:r w:rsidR="002779C9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2090476735"/>
            <w:r w:rsidR="00587032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505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30D7AA69" w14:textId="77777777" w:rsidR="00587032" w:rsidRPr="00C653AD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978824761"/>
    </w:tbl>
    <w:p w14:paraId="7196D064" w14:textId="77777777" w:rsidR="00D17318" w:rsidRPr="00A07A2C" w:rsidRDefault="00D17318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color w:val="31849B"/>
          <w:sz w:val="22"/>
          <w:szCs w:val="20"/>
        </w:rPr>
      </w:pPr>
    </w:p>
    <w:p w14:paraId="7C5965A5" w14:textId="77777777" w:rsidR="00F5564D" w:rsidRPr="008F19D4" w:rsidRDefault="00F5564D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sz w:val="20"/>
          <w:szCs w:val="20"/>
        </w:rPr>
      </w:pPr>
      <w:r w:rsidRPr="0051113F">
        <w:rPr>
          <w:rFonts w:ascii="微軟正黑體" w:eastAsia="微軟正黑體" w:hAnsi="微軟正黑體" w:hint="eastAsia"/>
          <w:b/>
          <w:color w:val="31849B"/>
          <w:szCs w:val="24"/>
        </w:rPr>
        <w:t>社會參與</w:t>
      </w:r>
      <w:r w:rsidR="0051113F">
        <w:rPr>
          <w:rFonts w:ascii="微軟正黑體" w:eastAsia="微軟正黑體" w:hAnsi="微軟正黑體" w:hint="eastAsia"/>
          <w:b/>
          <w:sz w:val="20"/>
          <w:szCs w:val="20"/>
        </w:rPr>
        <w:t xml:space="preserve"> - 鼓</w:t>
      </w:r>
      <w:r w:rsidR="0051113F" w:rsidRPr="0051113F">
        <w:rPr>
          <w:rFonts w:ascii="微軟正黑體" w:eastAsia="微軟正黑體" w:hAnsi="微軟正黑體" w:hint="eastAsia"/>
          <w:b/>
          <w:sz w:val="20"/>
          <w:szCs w:val="20"/>
        </w:rPr>
        <w:t>勵長者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參與社會活動及</w:t>
      </w:r>
      <w:r w:rsidR="0051113F" w:rsidRPr="0051113F">
        <w:rPr>
          <w:rFonts w:ascii="微軟正黑體" w:eastAsia="微軟正黑體" w:hAnsi="微軟正黑體" w:hint="eastAsia"/>
          <w:b/>
          <w:sz w:val="20"/>
          <w:szCs w:val="20"/>
        </w:rPr>
        <w:t>保持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與</w:t>
      </w:r>
      <w:r w:rsidR="0051113F" w:rsidRPr="0051113F">
        <w:rPr>
          <w:rFonts w:ascii="微軟正黑體" w:eastAsia="微軟正黑體" w:hAnsi="微軟正黑體" w:hint="eastAsia"/>
          <w:b/>
          <w:sz w:val="20"/>
          <w:szCs w:val="20"/>
        </w:rPr>
        <w:t>親友聯繫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，令長者保持活力，</w:t>
      </w:r>
      <w:r w:rsidR="0051113F" w:rsidRPr="0051113F">
        <w:rPr>
          <w:rFonts w:ascii="微軟正黑體" w:eastAsia="微軟正黑體" w:hAnsi="微軟正黑體" w:hint="eastAsia"/>
          <w:b/>
          <w:sz w:val="20"/>
          <w:szCs w:val="20"/>
        </w:rPr>
        <w:t>促進身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心健康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3772"/>
        <w:gridCol w:w="4874"/>
      </w:tblGrid>
      <w:tr w:rsidR="000B3D17" w:rsidRPr="0051113F" w14:paraId="05035DD3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5E7F0B01" w14:textId="77777777" w:rsidR="000B3D17" w:rsidRPr="0051113F" w:rsidRDefault="002370F5" w:rsidP="00A5340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31957966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8837499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88374992"/>
              </w:sdtContent>
            </w:sdt>
            <w:r w:rsidR="000B3D17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0B3D17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長者能夠參與業務的決策及運作過程</w:t>
            </w:r>
          </w:p>
        </w:tc>
        <w:tc>
          <w:tcPr>
            <w:tcW w:w="4874" w:type="dxa"/>
            <w:vAlign w:val="bottom"/>
          </w:tcPr>
          <w:p w14:paraId="3BC204BB" w14:textId="77777777" w:rsidR="000B3D17" w:rsidRPr="0051113F" w:rsidRDefault="002370F5" w:rsidP="000B3D1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35654615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5663681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56636817"/>
              </w:sdtContent>
            </w:sdt>
            <w:r w:rsidR="000B3D17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立溝通渠道，收集長者意見及發布訊息</w:t>
            </w:r>
          </w:p>
        </w:tc>
      </w:tr>
      <w:tr w:rsidR="000B3D17" w:rsidRPr="0051113F" w14:paraId="72A61D70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37035351" w14:textId="77777777" w:rsidR="000B3D17" w:rsidRPr="0051113F" w:rsidRDefault="002370F5" w:rsidP="000B3D1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75489154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7118550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71185500"/>
              </w:sdtContent>
            </w:sdt>
            <w:r w:rsidR="000B3D17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0B3D17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提供鼓勵親友陪伴長者的措施</w:t>
            </w:r>
          </w:p>
        </w:tc>
        <w:tc>
          <w:tcPr>
            <w:tcW w:w="4874" w:type="dxa"/>
            <w:vAlign w:val="bottom"/>
          </w:tcPr>
          <w:p w14:paraId="4EA11624" w14:textId="77777777" w:rsidR="000B3D17" w:rsidRPr="0051113F" w:rsidRDefault="002370F5" w:rsidP="000B3D1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6194356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4150393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41503939"/>
              </w:sdtContent>
            </w:sdt>
            <w:r w:rsid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1035E4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營造</w:t>
            </w:r>
            <w:r w:rsidR="001035E4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>長者</w:t>
            </w:r>
            <w:r w:rsidR="001035E4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友善、舒適、安全的</w:t>
            </w:r>
            <w:r w:rsidR="001035E4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>參與</w:t>
            </w:r>
            <w:r w:rsidR="001035E4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氣氛</w:t>
            </w:r>
          </w:p>
        </w:tc>
      </w:tr>
      <w:tr w:rsidR="00F02BF6" w:rsidRPr="0051113F" w14:paraId="3E653A7A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1D4EE970" w14:textId="77777777" w:rsidR="00F02BF6" w:rsidRPr="0051113F" w:rsidRDefault="002370F5" w:rsidP="00A5340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1759215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8640996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86409968"/>
              </w:sdtContent>
            </w:sdt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舉辦長者與不同人士交流的活動</w:t>
            </w:r>
          </w:p>
        </w:tc>
        <w:tc>
          <w:tcPr>
            <w:tcW w:w="4874" w:type="dxa"/>
            <w:vAlign w:val="bottom"/>
          </w:tcPr>
          <w:p w14:paraId="211E87D2" w14:textId="77777777" w:rsidR="00F02BF6" w:rsidRPr="0051113F" w:rsidRDefault="002370F5" w:rsidP="000B3D1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870993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0072253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00722539"/>
              </w:sdtContent>
            </w:sdt>
            <w:r w:rsid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適合長</w:t>
            </w:r>
            <w:r w:rsidR="0051113F" w:rsidRPr="0051113F">
              <w:rPr>
                <w:rFonts w:ascii="微軟正黑體" w:eastAsia="微軟正黑體" w:hAnsi="微軟正黑體"/>
                <w:sz w:val="20"/>
                <w:szCs w:val="20"/>
              </w:rPr>
              <w:t>者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的活動安排</w:t>
            </w:r>
            <w:r w:rsidR="000B3D17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及設計</w:t>
            </w:r>
          </w:p>
        </w:tc>
      </w:tr>
      <w:permStart w:id="39200479" w:edGrp="everyone" w:colFirst="1" w:colLast="1"/>
      <w:tr w:rsidR="00587032" w:rsidRPr="0051113F" w14:paraId="4F12811E" w14:textId="77777777" w:rsidTr="002552FA">
        <w:trPr>
          <w:trHeight w:hRule="exact" w:val="397"/>
        </w:trPr>
        <w:tc>
          <w:tcPr>
            <w:tcW w:w="1101" w:type="dxa"/>
            <w:vAlign w:val="bottom"/>
          </w:tcPr>
          <w:p w14:paraId="2AB447EF" w14:textId="77777777" w:rsidR="00587032" w:rsidRPr="0051113F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00735549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0559369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05593699"/>
              </w:sdtContent>
            </w:sdt>
            <w:r w:rsidR="00587032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646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34FF1C98" w14:textId="77777777" w:rsidR="00587032" w:rsidRPr="0051113F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39200479"/>
    </w:tbl>
    <w:p w14:paraId="6D072C0D" w14:textId="77777777" w:rsidR="00D17318" w:rsidRPr="00A07A2C" w:rsidRDefault="00D17318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sz w:val="22"/>
          <w:szCs w:val="20"/>
        </w:rPr>
      </w:pPr>
    </w:p>
    <w:p w14:paraId="0B147CB0" w14:textId="77777777" w:rsidR="00F5564D" w:rsidRPr="008F19D4" w:rsidRDefault="00F5564D" w:rsidP="001035E4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sz w:val="20"/>
          <w:szCs w:val="20"/>
        </w:rPr>
      </w:pPr>
      <w:r w:rsidRPr="001035E4">
        <w:rPr>
          <w:rFonts w:ascii="微軟正黑體" w:eastAsia="微軟正黑體" w:hAnsi="微軟正黑體" w:hint="eastAsia"/>
          <w:b/>
          <w:color w:val="31849B"/>
          <w:szCs w:val="24"/>
        </w:rPr>
        <w:t>尊重和社會</w:t>
      </w:r>
      <w:r w:rsidR="00AF245F" w:rsidRPr="001035E4">
        <w:rPr>
          <w:rFonts w:ascii="微軟正黑體" w:eastAsia="微軟正黑體" w:hAnsi="微軟正黑體" w:hint="eastAsia"/>
          <w:b/>
          <w:color w:val="31849B"/>
          <w:szCs w:val="24"/>
          <w:lang w:eastAsia="zh-HK"/>
        </w:rPr>
        <w:t>包</w:t>
      </w:r>
      <w:r w:rsidR="00AF245F" w:rsidRPr="001035E4">
        <w:rPr>
          <w:rFonts w:ascii="微軟正黑體" w:eastAsia="微軟正黑體" w:hAnsi="微軟正黑體" w:hint="eastAsia"/>
          <w:b/>
          <w:color w:val="31849B"/>
          <w:szCs w:val="24"/>
        </w:rPr>
        <w:t>容</w:t>
      </w:r>
      <w:r w:rsidR="001035E4" w:rsidRPr="001035E4">
        <w:rPr>
          <w:rFonts w:ascii="微軟正黑體" w:eastAsia="微軟正黑體" w:hAnsi="微軟正黑體" w:hint="eastAsia"/>
          <w:b/>
          <w:color w:val="31849B"/>
          <w:szCs w:val="24"/>
        </w:rPr>
        <w:t xml:space="preserve"> -</w:t>
      </w:r>
      <w:r w:rsidR="001035E4">
        <w:rPr>
          <w:rFonts w:ascii="微軟正黑體" w:eastAsia="微軟正黑體" w:hAnsi="微軟正黑體" w:hint="eastAsia"/>
          <w:b/>
          <w:color w:val="31849B"/>
          <w:szCs w:val="24"/>
        </w:rPr>
        <w:t xml:space="preserve"> </w:t>
      </w:r>
      <w:r w:rsidR="001035E4" w:rsidRPr="008F19D4">
        <w:rPr>
          <w:rFonts w:ascii="微軟正黑體" w:eastAsia="微軟正黑體" w:hAnsi="微軟正黑體" w:hint="eastAsia"/>
          <w:b/>
          <w:sz w:val="20"/>
          <w:szCs w:val="20"/>
        </w:rPr>
        <w:t>提升長者形象，</w:t>
      </w:r>
      <w:r w:rsidR="001035E4" w:rsidRPr="001035E4">
        <w:rPr>
          <w:rFonts w:ascii="微軟正黑體" w:eastAsia="微軟正黑體" w:hAnsi="微軟正黑體" w:hint="eastAsia"/>
          <w:b/>
          <w:sz w:val="20"/>
          <w:szCs w:val="20"/>
        </w:rPr>
        <w:t>包容長者需要，</w:t>
      </w:r>
      <w:r w:rsidR="001035E4" w:rsidRPr="008F19D4">
        <w:rPr>
          <w:rFonts w:ascii="微軟正黑體" w:eastAsia="微軟正黑體" w:hAnsi="微軟正黑體" w:hint="eastAsia"/>
          <w:b/>
          <w:sz w:val="20"/>
          <w:szCs w:val="20"/>
        </w:rPr>
        <w:t>讓長者</w:t>
      </w:r>
      <w:r w:rsidR="003B445F" w:rsidRPr="003B445F">
        <w:rPr>
          <w:rFonts w:ascii="微軟正黑體" w:eastAsia="微軟正黑體" w:hAnsi="微軟正黑體" w:hint="eastAsia"/>
          <w:b/>
          <w:sz w:val="20"/>
          <w:szCs w:val="20"/>
        </w:rPr>
        <w:t>感</w:t>
      </w:r>
      <w:r w:rsidR="001035E4" w:rsidRPr="008F19D4">
        <w:rPr>
          <w:rFonts w:ascii="微軟正黑體" w:eastAsia="微軟正黑體" w:hAnsi="微軟正黑體" w:hint="eastAsia"/>
          <w:b/>
          <w:sz w:val="20"/>
          <w:szCs w:val="20"/>
        </w:rPr>
        <w:t>受到尊重，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增加</w:t>
      </w:r>
      <w:r w:rsidR="003B445F" w:rsidRPr="003B445F">
        <w:rPr>
          <w:rFonts w:ascii="微軟正黑體" w:eastAsia="微軟正黑體" w:hAnsi="微軟正黑體" w:hint="eastAsia"/>
          <w:b/>
          <w:sz w:val="20"/>
          <w:szCs w:val="20"/>
        </w:rPr>
        <w:t>長者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對社會的歸屬感，安享晚年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3631"/>
        <w:gridCol w:w="4874"/>
      </w:tblGrid>
      <w:tr w:rsidR="003B445F" w:rsidRPr="001035E4" w14:paraId="422CD3CD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108AC5D1" w14:textId="77777777" w:rsidR="003B445F" w:rsidRPr="001035E4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87680651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7260754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72607543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舉辦推廣長者正面形象的活動宣傳項目</w:t>
            </w:r>
          </w:p>
        </w:tc>
        <w:tc>
          <w:tcPr>
            <w:tcW w:w="4874" w:type="dxa"/>
            <w:vAlign w:val="bottom"/>
          </w:tcPr>
          <w:p w14:paraId="21BD00DB" w14:textId="77777777" w:rsidR="003B445F" w:rsidRPr="001035E4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4126835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9443364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94433646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持續推廣敬老及互助文化</w:t>
            </w:r>
          </w:p>
        </w:tc>
      </w:tr>
      <w:tr w:rsidR="00F5564D" w:rsidRPr="001035E4" w14:paraId="6DDAD59A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276AA2B4" w14:textId="77777777" w:rsidR="00F5564D" w:rsidRPr="001035E4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96325171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382809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3828094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持續舉辦</w:t>
            </w:r>
            <w:proofErr w:type="gramStart"/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>跨代共</w:t>
            </w:r>
            <w:proofErr w:type="gramEnd"/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>融公眾教育活動</w:t>
            </w:r>
          </w:p>
        </w:tc>
        <w:tc>
          <w:tcPr>
            <w:tcW w:w="4874" w:type="dxa"/>
            <w:vAlign w:val="bottom"/>
          </w:tcPr>
          <w:p w14:paraId="233DA4FE" w14:textId="77777777" w:rsidR="00F5564D" w:rsidRPr="001035E4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83789450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9416248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294162488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為長者提供親切、關懷、有禮的服務及環境</w:t>
            </w:r>
          </w:p>
        </w:tc>
      </w:tr>
      <w:tr w:rsidR="00F5564D" w:rsidRPr="001035E4" w14:paraId="0945F6F3" w14:textId="77777777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14:paraId="70DDF97F" w14:textId="77777777" w:rsidR="00F5564D" w:rsidRPr="001035E4" w:rsidRDefault="002370F5" w:rsidP="00A5340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23346482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99466103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994661038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為員工、學生及大眾市民提供敬老的訊息及教育</w:t>
            </w:r>
          </w:p>
        </w:tc>
        <w:tc>
          <w:tcPr>
            <w:tcW w:w="4874" w:type="dxa"/>
            <w:vAlign w:val="bottom"/>
          </w:tcPr>
          <w:p w14:paraId="48A21919" w14:textId="77777777" w:rsidR="00F5564D" w:rsidRPr="001035E4" w:rsidRDefault="00F5564D" w:rsidP="00A5340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Start w:id="617628269" w:edGrp="everyone" w:colFirst="1" w:colLast="1"/>
      <w:tr w:rsidR="00587032" w:rsidRPr="001035E4" w14:paraId="0DAE137B" w14:textId="77777777" w:rsidTr="002552FA">
        <w:trPr>
          <w:trHeight w:hRule="exact" w:val="397"/>
        </w:trPr>
        <w:tc>
          <w:tcPr>
            <w:tcW w:w="1242" w:type="dxa"/>
            <w:vAlign w:val="bottom"/>
          </w:tcPr>
          <w:p w14:paraId="039F828C" w14:textId="77777777" w:rsidR="00587032" w:rsidRPr="001035E4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34455868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1069985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10699851"/>
              </w:sdtContent>
            </w:sdt>
            <w:r w:rsidR="00587032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505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6BD18F9B" w14:textId="77777777" w:rsidR="00587032" w:rsidRPr="001035E4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617628269"/>
    </w:tbl>
    <w:p w14:paraId="3A8D2A3B" w14:textId="491E27CC" w:rsidR="1134D8C9" w:rsidRDefault="1134D8C9" w:rsidP="1134D8C9">
      <w:pPr>
        <w:rPr>
          <w:rFonts w:ascii="微軟正黑體" w:eastAsia="微軟正黑體" w:hAnsi="微軟正黑體"/>
          <w:b/>
          <w:bCs/>
          <w:szCs w:val="24"/>
        </w:rPr>
      </w:pPr>
    </w:p>
    <w:p w14:paraId="7D58F583" w14:textId="545788C2" w:rsidR="006A8C26" w:rsidRDefault="006A8C26">
      <w:r>
        <w:br w:type="page"/>
      </w:r>
    </w:p>
    <w:p w14:paraId="09D258BE" w14:textId="59BACF82" w:rsidR="006A8C26" w:rsidRDefault="006A8C26" w:rsidP="006A8C26">
      <w:pPr>
        <w:rPr>
          <w:rFonts w:ascii="微軟正黑體" w:eastAsia="微軟正黑體" w:hAnsi="微軟正黑體"/>
          <w:b/>
          <w:bCs/>
          <w:szCs w:val="24"/>
        </w:rPr>
      </w:pPr>
    </w:p>
    <w:p w14:paraId="6B39062B" w14:textId="77777777"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sz w:val="20"/>
          <w:szCs w:val="20"/>
        </w:rPr>
      </w:pPr>
      <w:r w:rsidRPr="003B445F">
        <w:rPr>
          <w:rFonts w:ascii="微軟正黑體" w:eastAsia="微軟正黑體" w:hAnsi="微軟正黑體" w:hint="eastAsia"/>
          <w:b/>
          <w:color w:val="31849B"/>
          <w:szCs w:val="24"/>
        </w:rPr>
        <w:t>社區參與和就業</w:t>
      </w:r>
      <w:r w:rsidRPr="003B445F">
        <w:rPr>
          <w:rFonts w:ascii="微軟正黑體" w:eastAsia="微軟正黑體" w:hAnsi="微軟正黑體" w:hint="eastAsia"/>
          <w:b/>
          <w:szCs w:val="24"/>
        </w:rPr>
        <w:tab/>
      </w:r>
      <w:r w:rsidR="003B445F">
        <w:rPr>
          <w:rFonts w:ascii="微軟正黑體" w:eastAsia="微軟正黑體" w:hAnsi="微軟正黑體" w:hint="eastAsia"/>
          <w:b/>
          <w:sz w:val="20"/>
          <w:szCs w:val="20"/>
        </w:rPr>
        <w:t xml:space="preserve">- 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透過</w:t>
      </w:r>
      <w:r w:rsidR="003B445F" w:rsidRPr="008F19D4">
        <w:rPr>
          <w:rFonts w:ascii="微軟正黑體" w:eastAsia="微軟正黑體" w:hAnsi="微軟正黑體" w:hint="eastAsia"/>
          <w:b/>
          <w:sz w:val="20"/>
          <w:szCs w:val="20"/>
        </w:rPr>
        <w:t>參與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社區</w:t>
      </w:r>
      <w:r w:rsidR="003B445F" w:rsidRPr="003B445F">
        <w:rPr>
          <w:rFonts w:ascii="微軟正黑體" w:eastAsia="微軟正黑體" w:hAnsi="微軟正黑體" w:hint="eastAsia"/>
          <w:b/>
          <w:sz w:val="20"/>
          <w:szCs w:val="20"/>
        </w:rPr>
        <w:t>服務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和就業可以令長者繼續貢獻社會，從而提升其自我價值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1984"/>
        <w:gridCol w:w="3260"/>
        <w:gridCol w:w="3617"/>
      </w:tblGrid>
      <w:tr w:rsidR="003B445F" w:rsidRPr="003B445F" w14:paraId="30772850" w14:textId="77777777" w:rsidTr="002552FA">
        <w:trPr>
          <w:trHeight w:hRule="exact" w:val="397"/>
        </w:trPr>
        <w:tc>
          <w:tcPr>
            <w:tcW w:w="3085" w:type="dxa"/>
            <w:gridSpan w:val="2"/>
            <w:vAlign w:val="bottom"/>
          </w:tcPr>
          <w:p w14:paraId="5E2143FD" w14:textId="77777777" w:rsidR="003B445F" w:rsidRPr="003B445F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84891221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9726865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97268650"/>
              </w:sdtContent>
            </w:sdt>
            <w:r w:rsidR="003B445F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長者義務工作機會</w:t>
            </w:r>
          </w:p>
        </w:tc>
        <w:tc>
          <w:tcPr>
            <w:tcW w:w="3260" w:type="dxa"/>
            <w:vAlign w:val="bottom"/>
          </w:tcPr>
          <w:p w14:paraId="6B61F5F6" w14:textId="77777777" w:rsidR="003B445F" w:rsidRPr="003B445F" w:rsidRDefault="002370F5" w:rsidP="003B445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0818800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6380947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63809476"/>
              </w:sdtContent>
            </w:sdt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提供適合</w:t>
            </w:r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>長者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的工作機會</w:t>
            </w:r>
          </w:p>
        </w:tc>
        <w:tc>
          <w:tcPr>
            <w:tcW w:w="3617" w:type="dxa"/>
            <w:vAlign w:val="bottom"/>
          </w:tcPr>
          <w:p w14:paraId="4D5C5B54" w14:textId="77777777" w:rsidR="003B445F" w:rsidRPr="003B445F" w:rsidRDefault="002370F5" w:rsidP="002E24A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97001732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7914086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79140868"/>
              </w:sdtContent>
            </w:sdt>
            <w:r w:rsid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>提供長者增值的培訓機會</w:t>
            </w:r>
          </w:p>
        </w:tc>
      </w:tr>
      <w:tr w:rsidR="00F5564D" w:rsidRPr="003B445F" w14:paraId="2699B9DF" w14:textId="77777777" w:rsidTr="002552FA">
        <w:trPr>
          <w:trHeight w:hRule="exact" w:val="397"/>
        </w:trPr>
        <w:tc>
          <w:tcPr>
            <w:tcW w:w="3085" w:type="dxa"/>
            <w:gridSpan w:val="2"/>
            <w:vAlign w:val="bottom"/>
          </w:tcPr>
          <w:p w14:paraId="6546623B" w14:textId="77777777" w:rsidR="00F5564D" w:rsidRPr="003B445F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39272831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183831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1838317"/>
              </w:sdtContent>
            </w:sdt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長者友善</w:t>
            </w:r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>的工作環境</w:t>
            </w:r>
          </w:p>
        </w:tc>
        <w:tc>
          <w:tcPr>
            <w:tcW w:w="3260" w:type="dxa"/>
            <w:vAlign w:val="bottom"/>
          </w:tcPr>
          <w:p w14:paraId="1B767802" w14:textId="77777777" w:rsidR="00F5564D" w:rsidRPr="003B445F" w:rsidRDefault="002370F5" w:rsidP="00510B9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6139464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1689376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16893768"/>
              </w:sdtContent>
            </w:sdt>
            <w:r w:rsid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3E598F">
              <w:rPr>
                <w:rFonts w:ascii="微軟正黑體" w:eastAsia="微軟正黑體" w:hAnsi="微軟正黑體" w:hint="eastAsia"/>
                <w:sz w:val="20"/>
                <w:szCs w:val="20"/>
              </w:rPr>
              <w:t>制訂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促進長者就業的措施</w:t>
            </w:r>
          </w:p>
        </w:tc>
        <w:tc>
          <w:tcPr>
            <w:tcW w:w="3617" w:type="dxa"/>
            <w:vAlign w:val="bottom"/>
          </w:tcPr>
          <w:p w14:paraId="37C16820" w14:textId="77777777" w:rsidR="00F5564D" w:rsidRPr="003B445F" w:rsidRDefault="002370F5" w:rsidP="00B548BE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7629466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3940038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39400387"/>
              </w:sdtContent>
            </w:sdt>
            <w:r w:rsidR="00F5564D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設計適合長者的工作模式</w:t>
            </w:r>
          </w:p>
        </w:tc>
      </w:tr>
      <w:permStart w:id="1195277495" w:edGrp="everyone" w:colFirst="1" w:colLast="1"/>
      <w:tr w:rsidR="00587032" w:rsidRPr="003B445F" w14:paraId="7A54101A" w14:textId="77777777" w:rsidTr="002552FA">
        <w:trPr>
          <w:trHeight w:hRule="exact" w:val="397"/>
        </w:trPr>
        <w:tc>
          <w:tcPr>
            <w:tcW w:w="1101" w:type="dxa"/>
            <w:vAlign w:val="bottom"/>
          </w:tcPr>
          <w:p w14:paraId="42A95834" w14:textId="77777777" w:rsidR="00587032" w:rsidRPr="003B445F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04073323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9562426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95624260"/>
              </w:sdtContent>
            </w:sdt>
            <w:r w:rsidR="00587032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861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0F3CABC7" w14:textId="77777777" w:rsidR="00587032" w:rsidRPr="003B445F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195277495"/>
    </w:tbl>
    <w:p w14:paraId="1663B2FB" w14:textId="77777777" w:rsidR="0095704A" w:rsidRDefault="0095704A" w:rsidP="00F5564D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4"/>
        </w:rPr>
      </w:pPr>
    </w:p>
    <w:p w14:paraId="7AE5D147" w14:textId="77777777"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sz w:val="20"/>
          <w:szCs w:val="20"/>
        </w:rPr>
      </w:pPr>
      <w:r w:rsidRPr="002E24A3">
        <w:rPr>
          <w:rFonts w:ascii="微軟正黑體" w:eastAsia="微軟正黑體" w:hAnsi="微軟正黑體" w:hint="eastAsia"/>
          <w:b/>
          <w:color w:val="31849B"/>
          <w:szCs w:val="24"/>
        </w:rPr>
        <w:t>信息交流</w:t>
      </w:r>
      <w:r w:rsidR="002E24A3">
        <w:rPr>
          <w:rFonts w:ascii="微軟正黑體" w:eastAsia="微軟正黑體" w:hAnsi="微軟正黑體" w:hint="eastAsia"/>
          <w:b/>
          <w:color w:val="31849B"/>
          <w:sz w:val="20"/>
          <w:szCs w:val="20"/>
        </w:rPr>
        <w:t xml:space="preserve"> - 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良好的交流及信息發布渠道，讓長者不會因無法獲得資訊而被孤立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3772"/>
        <w:gridCol w:w="4874"/>
      </w:tblGrid>
      <w:tr w:rsidR="008B051E" w:rsidRPr="002E24A3" w14:paraId="04A561F0" w14:textId="77777777" w:rsidTr="00410F76">
        <w:trPr>
          <w:trHeight w:hRule="exact" w:val="425"/>
        </w:trPr>
        <w:tc>
          <w:tcPr>
            <w:tcW w:w="9747" w:type="dxa"/>
            <w:gridSpan w:val="3"/>
            <w:vAlign w:val="bottom"/>
          </w:tcPr>
          <w:p w14:paraId="05392F37" w14:textId="77777777" w:rsidR="008B051E" w:rsidRPr="002E24A3" w:rsidRDefault="002370F5" w:rsidP="002E24A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864380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6191526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61915260"/>
              </w:sdtContent>
            </w:sdt>
            <w:r w:rsid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簡單易懂及大字體的訊息，如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賬單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、信件、合約、價錢、產品資料、指示牌等</w:t>
            </w:r>
          </w:p>
        </w:tc>
      </w:tr>
      <w:tr w:rsidR="002F6A5E" w:rsidRPr="002E24A3" w14:paraId="6487D122" w14:textId="77777777" w:rsidTr="00410F76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14:paraId="0E360765" w14:textId="77777777" w:rsidR="002F6A5E" w:rsidRPr="002E24A3" w:rsidRDefault="002370F5" w:rsidP="008B051E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8386233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8156713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81567135"/>
              </w:sdtContent>
            </w:sdt>
            <w:r w:rsidR="002F6A5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鼓勵長者接</w:t>
            </w:r>
            <w:r w:rsidR="008B051E" w:rsidRPr="002E24A3">
              <w:rPr>
                <w:rFonts w:ascii="微軟正黑體" w:eastAsia="微軟正黑體" w:hAnsi="微軟正黑體"/>
                <w:sz w:val="20"/>
                <w:szCs w:val="20"/>
              </w:rPr>
              <w:t>觸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及善用資訊科技</w:t>
            </w:r>
          </w:p>
        </w:tc>
        <w:tc>
          <w:tcPr>
            <w:tcW w:w="4874" w:type="dxa"/>
            <w:vAlign w:val="bottom"/>
          </w:tcPr>
          <w:p w14:paraId="17EADCE6" w14:textId="77777777" w:rsidR="002F6A5E" w:rsidRPr="002E24A3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6564564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198980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1989804"/>
              </w:sdtContent>
            </w:sdt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F6A5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發布信息到長者所居住及經常活動的地點</w:t>
            </w:r>
          </w:p>
        </w:tc>
      </w:tr>
      <w:tr w:rsidR="00F5564D" w:rsidRPr="002E24A3" w14:paraId="1A3380D3" w14:textId="77777777" w:rsidTr="00410F76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14:paraId="0ED1AC70" w14:textId="77777777" w:rsidR="00F5564D" w:rsidRPr="002E24A3" w:rsidRDefault="002370F5" w:rsidP="00B548BE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0588948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0180868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01808689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為</w:t>
            </w:r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閱讀有困難的長者</w:t>
            </w:r>
            <w:r w:rsidR="00B548B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提供特別服務</w:t>
            </w:r>
          </w:p>
        </w:tc>
        <w:tc>
          <w:tcPr>
            <w:tcW w:w="4874" w:type="dxa"/>
            <w:vAlign w:val="bottom"/>
          </w:tcPr>
          <w:p w14:paraId="7DB2B7FD" w14:textId="77777777" w:rsidR="00F5564D" w:rsidRPr="002E24A3" w:rsidRDefault="002370F5" w:rsidP="008B051E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0590566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4743606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47436063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設立專人接待/接聽的查詢服務</w:t>
            </w:r>
          </w:p>
        </w:tc>
      </w:tr>
      <w:tr w:rsidR="00F5564D" w:rsidRPr="002E24A3" w14:paraId="4C0A6757" w14:textId="77777777" w:rsidTr="00410F76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14:paraId="13CDD0E9" w14:textId="77777777" w:rsidR="00F5564D" w:rsidRPr="002E24A3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3722795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3877649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38776491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定期提供長者感興趣的資訊</w:t>
            </w:r>
          </w:p>
        </w:tc>
        <w:tc>
          <w:tcPr>
            <w:tcW w:w="4874" w:type="dxa"/>
            <w:vAlign w:val="bottom"/>
          </w:tcPr>
          <w:p w14:paraId="0AD9C6F4" w14:textId="77777777" w:rsidR="00F5564D" w:rsidRPr="002E24A3" w:rsidRDefault="00F5564D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Start w:id="1337151761" w:edGrp="everyone" w:colFirst="1" w:colLast="1"/>
      <w:tr w:rsidR="00587032" w:rsidRPr="002E24A3" w14:paraId="585EEBC0" w14:textId="77777777" w:rsidTr="00410F76">
        <w:trPr>
          <w:trHeight w:hRule="exact" w:val="425"/>
        </w:trPr>
        <w:tc>
          <w:tcPr>
            <w:tcW w:w="1101" w:type="dxa"/>
            <w:vAlign w:val="bottom"/>
          </w:tcPr>
          <w:p w14:paraId="672CF200" w14:textId="77777777" w:rsidR="00587032" w:rsidRPr="002E24A3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9883124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94014100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940141001"/>
              </w:sdtContent>
            </w:sdt>
            <w:r w:rsidR="00587032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646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4B1F511A" w14:textId="77777777" w:rsidR="00587032" w:rsidRPr="002E24A3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337151761"/>
    </w:tbl>
    <w:p w14:paraId="65F9C3DC" w14:textId="77777777" w:rsidR="00FF3D56" w:rsidRPr="00FF3D56" w:rsidRDefault="00FF3D56" w:rsidP="00F5564D">
      <w:pPr>
        <w:adjustRightInd w:val="0"/>
        <w:snapToGrid w:val="0"/>
        <w:rPr>
          <w:rFonts w:ascii="微軟正黑體" w:eastAsia="微軟正黑體" w:hAnsi="微軟正黑體"/>
          <w:sz w:val="22"/>
        </w:rPr>
      </w:pPr>
    </w:p>
    <w:p w14:paraId="65B716D0" w14:textId="77777777"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sz w:val="20"/>
          <w:szCs w:val="20"/>
        </w:rPr>
      </w:pPr>
      <w:r w:rsidRPr="002E24A3">
        <w:rPr>
          <w:rFonts w:ascii="微軟正黑體" w:eastAsia="微軟正黑體" w:hAnsi="微軟正黑體" w:hint="eastAsia"/>
          <w:b/>
          <w:color w:val="31849B"/>
          <w:szCs w:val="24"/>
        </w:rPr>
        <w:t>社區支持與健康服務</w:t>
      </w:r>
      <w:r w:rsidR="002E24A3">
        <w:rPr>
          <w:rFonts w:ascii="微軟正黑體" w:eastAsia="微軟正黑體" w:hAnsi="微軟正黑體" w:hint="eastAsia"/>
          <w:b/>
          <w:sz w:val="20"/>
          <w:szCs w:val="20"/>
        </w:rPr>
        <w:t xml:space="preserve"> -</w:t>
      </w:r>
      <w:r w:rsidRPr="002E24A3">
        <w:rPr>
          <w:rFonts w:ascii="微軟正黑體" w:eastAsia="微軟正黑體" w:hAnsi="微軟正黑體" w:hint="eastAsia"/>
          <w:b/>
          <w:sz w:val="20"/>
          <w:szCs w:val="20"/>
        </w:rPr>
        <w:tab/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適切的社區支持和健康服務，可提升長者的健康及生活質素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3772"/>
        <w:gridCol w:w="4874"/>
      </w:tblGrid>
      <w:tr w:rsidR="007C314A" w:rsidRPr="002E24A3" w14:paraId="4B738F4B" w14:textId="77777777" w:rsidTr="1134D8C9">
        <w:trPr>
          <w:trHeight w:hRule="exact" w:val="425"/>
        </w:trPr>
        <w:tc>
          <w:tcPr>
            <w:tcW w:w="9747" w:type="dxa"/>
            <w:gridSpan w:val="3"/>
            <w:vAlign w:val="bottom"/>
          </w:tcPr>
          <w:p w14:paraId="4AD4DC92" w14:textId="77777777" w:rsidR="007C314A" w:rsidRPr="002E24A3" w:rsidRDefault="002370F5" w:rsidP="007C314A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79566504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769093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7690932"/>
              </w:sdtContent>
            </w:sdt>
            <w:r w:rsidR="007C314A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C314A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適切長者的支援服務，例如緊急支援、</w:t>
            </w:r>
            <w:proofErr w:type="gramStart"/>
            <w:r w:rsidR="007C314A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陪診</w:t>
            </w:r>
            <w:proofErr w:type="gramEnd"/>
            <w:r w:rsidR="007C314A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、代購物品、社區及家居照顧和膳食提供等</w:t>
            </w:r>
          </w:p>
        </w:tc>
      </w:tr>
      <w:tr w:rsidR="00F5564D" w:rsidRPr="002E24A3" w14:paraId="16DCA35A" w14:textId="77777777" w:rsidTr="1134D8C9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14:paraId="6E9E529A" w14:textId="77777777" w:rsidR="00F5564D" w:rsidRPr="002E24A3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4273202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615118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46151186"/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方便長者服務地點</w:t>
            </w:r>
          </w:p>
        </w:tc>
        <w:tc>
          <w:tcPr>
            <w:tcW w:w="4874" w:type="dxa"/>
            <w:vAlign w:val="bottom"/>
          </w:tcPr>
          <w:p w14:paraId="514A8A96" w14:textId="77777777" w:rsidR="00F5564D" w:rsidRPr="002E24A3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0933925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6086961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60869613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大部分長者能負擔的收費水平的服務及活動</w:t>
            </w:r>
          </w:p>
        </w:tc>
      </w:tr>
      <w:tr w:rsidR="00F5564D" w:rsidRPr="002E24A3" w14:paraId="59D85F9B" w14:textId="77777777" w:rsidTr="1134D8C9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14:paraId="482C1F51" w14:textId="77777777" w:rsidR="00F5564D" w:rsidRPr="002E24A3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84833332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4144560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41445608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符合長者需要的服務</w:t>
            </w:r>
          </w:p>
        </w:tc>
        <w:tc>
          <w:tcPr>
            <w:tcW w:w="4874" w:type="dxa"/>
            <w:vAlign w:val="bottom"/>
          </w:tcPr>
          <w:p w14:paraId="3FDC902C" w14:textId="77777777" w:rsidR="00F5564D" w:rsidRPr="002E24A3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2953593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5620795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56207951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鼓勵服務人員尊重並細心</w:t>
            </w:r>
            <w:r w:rsidR="000718F1" w:rsidRPr="002E24A3">
              <w:rPr>
                <w:rFonts w:ascii="微軟正黑體" w:eastAsia="微軟正黑體" w:hAnsi="微軟正黑體"/>
                <w:sz w:val="20"/>
                <w:szCs w:val="20"/>
              </w:rPr>
              <w:t>地</w:t>
            </w:r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服務長者</w:t>
            </w:r>
          </w:p>
        </w:tc>
      </w:tr>
      <w:tr w:rsidR="007C314A" w:rsidRPr="002E24A3" w14:paraId="735B5233" w14:textId="77777777" w:rsidTr="1134D8C9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14:paraId="33EC2C30" w14:textId="77777777" w:rsidR="007C314A" w:rsidRPr="002E24A3" w:rsidRDefault="002370F5" w:rsidP="007C314A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8419803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4542009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45420093"/>
              </w:sdtContent>
            </w:sdt>
            <w:r w:rsidR="007C314A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C314A" w:rsidRPr="007C314A">
              <w:rPr>
                <w:rFonts w:ascii="微軟正黑體" w:eastAsia="微軟正黑體" w:hAnsi="微軟正黑體" w:hint="eastAsia"/>
                <w:sz w:val="20"/>
                <w:szCs w:val="20"/>
              </w:rPr>
              <w:t>為長者提供預防性的健康檢查服務</w:t>
            </w:r>
          </w:p>
        </w:tc>
        <w:tc>
          <w:tcPr>
            <w:tcW w:w="4874" w:type="dxa"/>
            <w:vAlign w:val="bottom"/>
          </w:tcPr>
          <w:p w14:paraId="2F8D93A0" w14:textId="77777777" w:rsidR="007C314A" w:rsidRPr="002E24A3" w:rsidRDefault="002370F5" w:rsidP="007C314A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9678039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3646654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36466546"/>
              </w:sdtContent>
            </w:sdt>
            <w:r w:rsidR="007C314A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推廣長者健康知識服務</w:t>
            </w:r>
          </w:p>
        </w:tc>
      </w:tr>
      <w:permStart w:id="804932500" w:edGrp="everyone" w:colFirst="1" w:colLast="1"/>
      <w:tr w:rsidR="00587032" w:rsidRPr="002E24A3" w14:paraId="0AA01E63" w14:textId="77777777" w:rsidTr="1134D8C9">
        <w:trPr>
          <w:trHeight w:hRule="exact" w:val="425"/>
        </w:trPr>
        <w:tc>
          <w:tcPr>
            <w:tcW w:w="1101" w:type="dxa"/>
            <w:vAlign w:val="bottom"/>
          </w:tcPr>
          <w:p w14:paraId="3F2A9DBC" w14:textId="77777777" w:rsidR="00587032" w:rsidRPr="002E24A3" w:rsidRDefault="002370F5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98192907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9182230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91822307"/>
              </w:sdtContent>
            </w:sdt>
            <w:r w:rsidR="00587032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646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5023141B" w14:textId="77777777" w:rsidR="00587032" w:rsidRPr="002E24A3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804932500"/>
    </w:tbl>
    <w:p w14:paraId="7DBF9212" w14:textId="38DF7DEC" w:rsidR="1134D8C9" w:rsidRDefault="1134D8C9">
      <w:r>
        <w:br w:type="page"/>
      </w:r>
    </w:p>
    <w:p w14:paraId="1F3B1409" w14:textId="77777777" w:rsidR="00D17318" w:rsidRDefault="00D17318" w:rsidP="007D10AF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</w:p>
    <w:p w14:paraId="0167320A" w14:textId="77777777" w:rsidR="007D10AF" w:rsidRPr="007C314A" w:rsidRDefault="007D10AF" w:rsidP="007D10AF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7C314A">
        <w:rPr>
          <w:rFonts w:ascii="微軟正黑體" w:eastAsia="微軟正黑體" w:hAnsi="微軟正黑體" w:hint="eastAsia"/>
          <w:b/>
          <w:szCs w:val="24"/>
        </w:rPr>
        <w:t>請以200字描述上述政策、措施、服務或產品</w:t>
      </w:r>
      <w:r w:rsidR="00A07A2C">
        <w:rPr>
          <w:rFonts w:ascii="微軟正黑體" w:eastAsia="微軟正黑體" w:hAnsi="微軟正黑體" w:hint="eastAsia"/>
          <w:b/>
          <w:szCs w:val="24"/>
        </w:rPr>
        <w:t xml:space="preserve"> (</w:t>
      </w:r>
      <w:r w:rsidR="009A51C9">
        <w:rPr>
          <w:rFonts w:ascii="微軟正黑體" w:eastAsia="微軟正黑體" w:hAnsi="微軟正黑體" w:hint="eastAsia"/>
          <w:b/>
          <w:szCs w:val="24"/>
        </w:rPr>
        <w:t>歡迎</w:t>
      </w:r>
      <w:r w:rsidRPr="007C314A">
        <w:rPr>
          <w:rFonts w:ascii="微軟正黑體" w:eastAsia="微軟正黑體" w:hAnsi="微軟正黑體" w:hint="eastAsia"/>
          <w:b/>
          <w:szCs w:val="24"/>
        </w:rPr>
        <w:t>以附件形式提供額外資料以作參考</w:t>
      </w:r>
      <w:r w:rsidR="00A07A2C">
        <w:rPr>
          <w:rFonts w:ascii="微軟正黑體" w:eastAsia="微軟正黑體" w:hAnsi="微軟正黑體" w:hint="eastAsia"/>
          <w:b/>
          <w:szCs w:val="24"/>
        </w:rP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9802"/>
      </w:tblGrid>
      <w:tr w:rsidR="007D10AF" w:rsidRPr="00E50D82" w14:paraId="562C75D1" w14:textId="77777777" w:rsidTr="006A8C26">
        <w:trPr>
          <w:trHeight w:val="2005"/>
        </w:trPr>
        <w:tc>
          <w:tcPr>
            <w:tcW w:w="9802" w:type="dxa"/>
            <w:shd w:val="clear" w:color="auto" w:fill="BFBFBF" w:themeFill="background1" w:themeFillShade="BF"/>
          </w:tcPr>
          <w:p w14:paraId="664355AD" w14:textId="77777777" w:rsidR="000565C3" w:rsidRDefault="000565C3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  <w:permStart w:id="1692942529" w:edGrp="everyone"/>
          </w:p>
          <w:p w14:paraId="1A965116" w14:textId="77777777" w:rsidR="000565C3" w:rsidRDefault="000565C3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2DE403A5" w14:textId="778974DC" w:rsidR="000565C3" w:rsidRDefault="000565C3" w:rsidP="1134D8C9">
            <w:pPr>
              <w:spacing w:line="0" w:lineRule="atLeast"/>
              <w:rPr>
                <w:rFonts w:ascii="微軟正黑體" w:eastAsia="微軟正黑體" w:hAnsi="微軟正黑體"/>
                <w:b/>
                <w:bCs/>
                <w:szCs w:val="24"/>
              </w:rPr>
            </w:pPr>
          </w:p>
          <w:p w14:paraId="62431CDC" w14:textId="77777777" w:rsidR="00D17318" w:rsidRDefault="00D17318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49E398E2" w14:textId="77777777" w:rsidR="00D17318" w:rsidRDefault="00D17318" w:rsidP="006A8C26">
            <w:pPr>
              <w:spacing w:line="0" w:lineRule="atLeast"/>
              <w:rPr>
                <w:rFonts w:ascii="微軟正黑體" w:eastAsia="微軟正黑體" w:hAnsi="微軟正黑體"/>
                <w:b/>
                <w:bCs/>
              </w:rPr>
            </w:pPr>
          </w:p>
          <w:p w14:paraId="53E34408" w14:textId="541D9FA4" w:rsidR="006A8C26" w:rsidRDefault="006A8C26" w:rsidP="006A8C26">
            <w:pPr>
              <w:spacing w:line="0" w:lineRule="atLeast"/>
              <w:rPr>
                <w:rFonts w:ascii="微軟正黑體" w:eastAsia="微軟正黑體" w:hAnsi="微軟正黑體"/>
                <w:b/>
                <w:bCs/>
                <w:szCs w:val="24"/>
              </w:rPr>
            </w:pPr>
          </w:p>
          <w:p w14:paraId="2E569F41" w14:textId="14410DAA" w:rsidR="006A8C26" w:rsidRDefault="006A8C26" w:rsidP="006A8C26">
            <w:pPr>
              <w:spacing w:line="0" w:lineRule="atLeast"/>
              <w:rPr>
                <w:rFonts w:ascii="微軟正黑體" w:eastAsia="微軟正黑體" w:hAnsi="微軟正黑體"/>
                <w:b/>
                <w:bCs/>
                <w:szCs w:val="24"/>
              </w:rPr>
            </w:pPr>
          </w:p>
          <w:p w14:paraId="284A1356" w14:textId="2C9C74D8" w:rsidR="006A8C26" w:rsidRDefault="006A8C26" w:rsidP="006A8C26">
            <w:pPr>
              <w:spacing w:line="0" w:lineRule="atLeast"/>
              <w:rPr>
                <w:rFonts w:ascii="微軟正黑體" w:eastAsia="微軟正黑體" w:hAnsi="微軟正黑體"/>
                <w:b/>
                <w:bCs/>
                <w:szCs w:val="24"/>
              </w:rPr>
            </w:pPr>
          </w:p>
          <w:p w14:paraId="4C1D1729" w14:textId="58264368" w:rsidR="006A8C26" w:rsidRDefault="006A8C26" w:rsidP="006A8C26">
            <w:pPr>
              <w:spacing w:line="0" w:lineRule="atLeast"/>
              <w:rPr>
                <w:rFonts w:ascii="微軟正黑體" w:eastAsia="微軟正黑體" w:hAnsi="微軟正黑體"/>
                <w:b/>
                <w:bCs/>
                <w:szCs w:val="24"/>
              </w:rPr>
            </w:pPr>
          </w:p>
          <w:p w14:paraId="1892CF5A" w14:textId="5CDA141D" w:rsidR="006A8C26" w:rsidRDefault="006A8C26" w:rsidP="006A8C26">
            <w:pPr>
              <w:spacing w:line="0" w:lineRule="atLeast"/>
              <w:rPr>
                <w:rFonts w:ascii="微軟正黑體" w:eastAsia="微軟正黑體" w:hAnsi="微軟正黑體"/>
                <w:b/>
                <w:bCs/>
                <w:szCs w:val="24"/>
              </w:rPr>
            </w:pPr>
          </w:p>
          <w:p w14:paraId="19DF3683" w14:textId="4BDE545F" w:rsidR="006A8C26" w:rsidRDefault="006A8C26" w:rsidP="006A8C26">
            <w:pPr>
              <w:spacing w:line="0" w:lineRule="atLeast"/>
              <w:rPr>
                <w:rFonts w:ascii="微軟正黑體" w:eastAsia="微軟正黑體" w:hAnsi="微軟正黑體"/>
                <w:b/>
                <w:bCs/>
                <w:szCs w:val="24"/>
              </w:rPr>
            </w:pPr>
          </w:p>
          <w:p w14:paraId="03260A67" w14:textId="441A44C0" w:rsidR="006A8C26" w:rsidRDefault="006A8C26" w:rsidP="006A8C26">
            <w:pPr>
              <w:spacing w:line="0" w:lineRule="atLeast"/>
              <w:rPr>
                <w:rFonts w:ascii="微軟正黑體" w:eastAsia="微軟正黑體" w:hAnsi="微軟正黑體"/>
                <w:b/>
                <w:bCs/>
                <w:szCs w:val="24"/>
              </w:rPr>
            </w:pPr>
          </w:p>
          <w:p w14:paraId="16287F21" w14:textId="77777777" w:rsidR="00410F76" w:rsidRPr="009B658D" w:rsidRDefault="00410F76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5BE93A62" w14:textId="77777777" w:rsidR="00410F76" w:rsidRDefault="00410F76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ermEnd w:id="1692942529"/>
          <w:p w14:paraId="384BA73E" w14:textId="77777777" w:rsidR="000565C3" w:rsidRPr="00A07A2C" w:rsidRDefault="000565C3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</w:tc>
      </w:tr>
    </w:tbl>
    <w:p w14:paraId="73FD9ABE" w14:textId="1F957370" w:rsidR="1134D8C9" w:rsidRDefault="1134D8C9" w:rsidP="1134D8C9">
      <w:pPr>
        <w:rPr>
          <w:szCs w:val="24"/>
        </w:rPr>
      </w:pPr>
    </w:p>
    <w:p w14:paraId="24D1ACC4" w14:textId="4431E5BF" w:rsidR="1134D8C9" w:rsidRDefault="1134D8C9">
      <w:r>
        <w:br w:type="page"/>
      </w:r>
    </w:p>
    <w:p w14:paraId="36BF24C6" w14:textId="04CC2509" w:rsidR="1134D8C9" w:rsidRDefault="1134D8C9" w:rsidP="1134D8C9">
      <w:pPr>
        <w:rPr>
          <w:rFonts w:ascii="微軟正黑體" w:eastAsia="微軟正黑體" w:hAnsi="微軟正黑體"/>
          <w:b/>
          <w:bCs/>
        </w:rPr>
      </w:pPr>
    </w:p>
    <w:p w14:paraId="3E08756B" w14:textId="77777777" w:rsidR="00D41872" w:rsidRDefault="007A29B5" w:rsidP="007A29B5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>
        <w:rPr>
          <w:rFonts w:ascii="微軟正黑體" w:eastAsia="微軟正黑體" w:hAnsi="微軟正黑體" w:hint="eastAsia"/>
          <w:b/>
          <w:szCs w:val="24"/>
        </w:rPr>
        <w:t>如參選數碼連</w:t>
      </w:r>
      <w:proofErr w:type="gramStart"/>
      <w:r>
        <w:rPr>
          <w:rFonts w:ascii="微軟正黑體" w:eastAsia="微軟正黑體" w:hAnsi="微軟正黑體" w:hint="eastAsia"/>
          <w:b/>
          <w:szCs w:val="24"/>
        </w:rPr>
        <w:t>繫</w:t>
      </w:r>
      <w:proofErr w:type="gramEnd"/>
      <w:r>
        <w:rPr>
          <w:rFonts w:ascii="微軟正黑體" w:eastAsia="微軟正黑體" w:hAnsi="微軟正黑體" w:hint="eastAsia"/>
          <w:b/>
          <w:szCs w:val="24"/>
        </w:rPr>
        <w:t>特別</w:t>
      </w:r>
      <w:r w:rsidRPr="007A29B5">
        <w:rPr>
          <w:rFonts w:ascii="微軟正黑體" w:eastAsia="微軟正黑體" w:hAnsi="微軟正黑體" w:hint="eastAsia"/>
          <w:b/>
          <w:szCs w:val="24"/>
        </w:rPr>
        <w:t>獎，</w:t>
      </w:r>
      <w:r w:rsidR="00D41872">
        <w:rPr>
          <w:rFonts w:ascii="微軟正黑體" w:eastAsia="微軟正黑體" w:hAnsi="微軟正黑體" w:hint="eastAsia"/>
          <w:b/>
          <w:szCs w:val="24"/>
        </w:rPr>
        <w:t>請填寫以下部分。</w:t>
      </w:r>
    </w:p>
    <w:p w14:paraId="6BFE5F67" w14:textId="77777777" w:rsidR="00D41872" w:rsidRDefault="00D41872" w:rsidP="007A29B5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</w:p>
    <w:p w14:paraId="1031DDEF" w14:textId="1CE72EE2" w:rsidR="00D41872" w:rsidRDefault="00D41872" w:rsidP="007A29B5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proofErr w:type="gramStart"/>
      <w:r w:rsidRPr="00593E94">
        <w:rPr>
          <w:rFonts w:ascii="微軟正黑體" w:eastAsia="微軟正黑體" w:hAnsi="微軟正黑體" w:hint="eastAsia"/>
          <w:b/>
          <w:szCs w:val="24"/>
        </w:rPr>
        <w:t>剔選相關</w:t>
      </w:r>
      <w:proofErr w:type="gramEnd"/>
      <w:r w:rsidRPr="00593E94">
        <w:rPr>
          <w:rFonts w:ascii="微軟正黑體" w:eastAsia="微軟正黑體" w:hAnsi="微軟正黑體" w:hint="eastAsia"/>
          <w:b/>
          <w:szCs w:val="24"/>
        </w:rPr>
        <w:t xml:space="preserve">細項描述 </w:t>
      </w:r>
      <w:r>
        <w:rPr>
          <w:rFonts w:ascii="微軟正黑體" w:eastAsia="微軟正黑體" w:hAnsi="微軟正黑體" w:hint="eastAsia"/>
          <w:b/>
          <w:szCs w:val="24"/>
        </w:rPr>
        <w:t>(</w:t>
      </w:r>
      <w:proofErr w:type="gramStart"/>
      <w:r w:rsidRPr="00593E94">
        <w:rPr>
          <w:rFonts w:ascii="微軟正黑體" w:eastAsia="微軟正黑體" w:hAnsi="微軟正黑體" w:hint="eastAsia"/>
          <w:b/>
          <w:szCs w:val="24"/>
        </w:rPr>
        <w:t>可剔選</w:t>
      </w:r>
      <w:proofErr w:type="gramEnd"/>
      <w:r>
        <w:rPr>
          <w:rFonts w:ascii="微軟正黑體" w:eastAsia="微軟正黑體" w:hAnsi="微軟正黑體" w:hint="eastAsia"/>
          <w:b/>
          <w:szCs w:val="24"/>
        </w:rPr>
        <w:t>多項)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3772"/>
        <w:gridCol w:w="4874"/>
      </w:tblGrid>
      <w:tr w:rsidR="00D41872" w:rsidRPr="002E24A3" w14:paraId="17D6BB28" w14:textId="77777777" w:rsidTr="00907F97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14:paraId="66BB4752" w14:textId="7702C53C" w:rsidR="00D41872" w:rsidRPr="002E24A3" w:rsidRDefault="002370F5" w:rsidP="00D41872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1047227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06636332" w:edGrp="everyone"/>
                <w:r w:rsidR="00D41872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06636332"/>
              </w:sdtContent>
            </w:sdt>
            <w:r w:rsidR="00D41872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D41872">
              <w:rPr>
                <w:rFonts w:ascii="微軟正黑體" w:eastAsia="微軟正黑體" w:hAnsi="微軟正黑體" w:hint="eastAsia"/>
                <w:sz w:val="20"/>
                <w:szCs w:val="20"/>
              </w:rPr>
              <w:t>協助</w:t>
            </w:r>
            <w:r w:rsidR="00D41872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長者</w:t>
            </w:r>
            <w:r w:rsidR="00603C0E">
              <w:rPr>
                <w:rFonts w:ascii="微軟正黑體" w:eastAsia="微軟正黑體" w:hAnsi="微軟正黑體" w:hint="eastAsia"/>
                <w:sz w:val="20"/>
                <w:szCs w:val="20"/>
              </w:rPr>
              <w:t>處理使用數碼科技時遇到的問題</w:t>
            </w:r>
          </w:p>
        </w:tc>
        <w:tc>
          <w:tcPr>
            <w:tcW w:w="4874" w:type="dxa"/>
            <w:vAlign w:val="bottom"/>
          </w:tcPr>
          <w:p w14:paraId="39AC08B4" w14:textId="29D12363" w:rsidR="00D41872" w:rsidRPr="002E24A3" w:rsidRDefault="002370F5" w:rsidP="00907F9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93990459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09832106" w:edGrp="everyone"/>
                <w:r w:rsidR="00D41872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09832106"/>
              </w:sdtContent>
            </w:sdt>
            <w:r w:rsidR="00D41872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D41872">
              <w:rPr>
                <w:rFonts w:ascii="微軟正黑體" w:eastAsia="微軟正黑體" w:hAnsi="微軟正黑體" w:hint="eastAsia"/>
                <w:sz w:val="20"/>
                <w:szCs w:val="20"/>
              </w:rPr>
              <w:t>提供硬件設備</w:t>
            </w:r>
          </w:p>
        </w:tc>
      </w:tr>
      <w:tr w:rsidR="00D41872" w:rsidRPr="002E24A3" w14:paraId="1AC5A7BE" w14:textId="77777777" w:rsidTr="00907F97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14:paraId="387170CF" w14:textId="6867463D" w:rsidR="00D41872" w:rsidRDefault="002370F5" w:rsidP="00D41872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  <w:shd w:val="clear" w:color="auto" w:fill="BFBFBF" w:themeFill="background1" w:themeFillShade="BF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67953336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79087296" w:edGrp="everyone"/>
                <w:r w:rsidR="00D41872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79087296"/>
              </w:sdtContent>
            </w:sdt>
            <w:r w:rsidR="00D41872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603C0E">
              <w:rPr>
                <w:rFonts w:ascii="微軟正黑體" w:eastAsia="微軟正黑體" w:hAnsi="微軟正黑體" w:hint="eastAsia"/>
                <w:sz w:val="20"/>
                <w:szCs w:val="20"/>
              </w:rPr>
              <w:t>為長者提供</w:t>
            </w:r>
            <w:r w:rsidR="00D41872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簡單</w:t>
            </w:r>
            <w:r w:rsidR="00D41872">
              <w:rPr>
                <w:rFonts w:ascii="微軟正黑體" w:eastAsia="微軟正黑體" w:hAnsi="微軟正黑體" w:hint="eastAsia"/>
                <w:sz w:val="20"/>
                <w:szCs w:val="20"/>
              </w:rPr>
              <w:t>清晰的應用程式介面</w:t>
            </w:r>
          </w:p>
        </w:tc>
        <w:tc>
          <w:tcPr>
            <w:tcW w:w="4874" w:type="dxa"/>
            <w:vAlign w:val="bottom"/>
          </w:tcPr>
          <w:p w14:paraId="73017A81" w14:textId="77777777" w:rsidR="00D41872" w:rsidRDefault="00D41872" w:rsidP="00907F9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  <w:shd w:val="clear" w:color="auto" w:fill="BFBFBF" w:themeFill="background1" w:themeFillShade="BF"/>
              </w:rPr>
            </w:pPr>
          </w:p>
        </w:tc>
      </w:tr>
      <w:tr w:rsidR="00D41872" w:rsidRPr="002E24A3" w14:paraId="3D74130D" w14:textId="77777777" w:rsidTr="00907F97">
        <w:trPr>
          <w:trHeight w:hRule="exact" w:val="425"/>
        </w:trPr>
        <w:tc>
          <w:tcPr>
            <w:tcW w:w="1101" w:type="dxa"/>
            <w:vAlign w:val="bottom"/>
          </w:tcPr>
          <w:p w14:paraId="00FF45BB" w14:textId="77777777" w:rsidR="00D41872" w:rsidRPr="002E24A3" w:rsidRDefault="002370F5" w:rsidP="00907F9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43335695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98753611" w:edGrp="everyone"/>
                <w:r w:rsidR="00D41872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298753611"/>
              </w:sdtContent>
            </w:sdt>
            <w:r w:rsidR="00D41872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646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5C22C889" w14:textId="77777777" w:rsidR="00D41872" w:rsidRPr="002E24A3" w:rsidRDefault="00D41872" w:rsidP="00907F9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</w:tbl>
    <w:p w14:paraId="7CD247CD" w14:textId="77777777" w:rsidR="00D41872" w:rsidRPr="00D41872" w:rsidRDefault="00D41872" w:rsidP="007A29B5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</w:p>
    <w:p w14:paraId="3B16D7C8" w14:textId="35551018" w:rsidR="005A79A6" w:rsidRDefault="007A29B5" w:rsidP="007A29B5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7C314A">
        <w:rPr>
          <w:rFonts w:ascii="微軟正黑體" w:eastAsia="微軟正黑體" w:hAnsi="微軟正黑體" w:hint="eastAsia"/>
          <w:b/>
          <w:szCs w:val="24"/>
        </w:rPr>
        <w:t>請以200字描述上述政策、措施、服務或產品</w:t>
      </w:r>
      <w:r>
        <w:rPr>
          <w:rFonts w:ascii="微軟正黑體" w:eastAsia="微軟正黑體" w:hAnsi="微軟正黑體" w:hint="eastAsia"/>
          <w:b/>
          <w:szCs w:val="24"/>
        </w:rPr>
        <w:t>如何幫助長者更方便使用數碼科技</w:t>
      </w:r>
    </w:p>
    <w:p w14:paraId="3BAE93C2" w14:textId="7660E626" w:rsidR="007A29B5" w:rsidRPr="007C314A" w:rsidRDefault="007A29B5" w:rsidP="007A29B5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>
        <w:rPr>
          <w:rFonts w:ascii="微軟正黑體" w:eastAsia="微軟正黑體" w:hAnsi="微軟正黑體" w:hint="eastAsia"/>
          <w:b/>
          <w:szCs w:val="24"/>
        </w:rPr>
        <w:t>歡迎</w:t>
      </w:r>
      <w:r w:rsidRPr="007C314A">
        <w:rPr>
          <w:rFonts w:ascii="微軟正黑體" w:eastAsia="微軟正黑體" w:hAnsi="微軟正黑體" w:hint="eastAsia"/>
          <w:b/>
          <w:szCs w:val="24"/>
        </w:rPr>
        <w:t>以附件形式提供額外資料以作參考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9802"/>
      </w:tblGrid>
      <w:tr w:rsidR="007A29B5" w:rsidRPr="00E50D82" w14:paraId="3C57B9B0" w14:textId="77777777" w:rsidTr="005A79A6">
        <w:trPr>
          <w:trHeight w:val="2005"/>
        </w:trPr>
        <w:tc>
          <w:tcPr>
            <w:tcW w:w="9802" w:type="dxa"/>
            <w:shd w:val="clear" w:color="auto" w:fill="BFBFBF" w:themeFill="background1" w:themeFillShade="BF"/>
          </w:tcPr>
          <w:p w14:paraId="33674335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  <w:permStart w:id="1634946051" w:edGrp="everyone"/>
          </w:p>
          <w:p w14:paraId="1B8A17E8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1BC3D5FB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42F4C896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43C00A7E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395F621C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1B4399F3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0B75C796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407683D5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1DAC6104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791299BC" w14:textId="77777777" w:rsidR="007A29B5" w:rsidRPr="002552FA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59A0C5D8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07D2D5C0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3E5ED7E7" w14:textId="77777777" w:rsidR="007A29B5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14:paraId="578D98C0" w14:textId="77777777" w:rsidR="007A29B5" w:rsidRPr="009B658D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ermEnd w:id="1634946051"/>
          <w:p w14:paraId="58151872" w14:textId="77777777" w:rsidR="007A29B5" w:rsidRPr="00A07A2C" w:rsidRDefault="007A29B5" w:rsidP="005A79A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</w:tc>
      </w:tr>
    </w:tbl>
    <w:p w14:paraId="7FA4812E" w14:textId="3BB08E58" w:rsidR="006A8C26" w:rsidRDefault="006A8C26" w:rsidP="006A8C26">
      <w:pPr>
        <w:rPr>
          <w:rFonts w:ascii="微軟正黑體" w:eastAsia="微軟正黑體" w:hAnsi="微軟正黑體"/>
          <w:b/>
          <w:bCs/>
          <w:color w:val="31849B" w:themeColor="accent5" w:themeShade="BF"/>
          <w:szCs w:val="24"/>
        </w:rPr>
      </w:pPr>
    </w:p>
    <w:p w14:paraId="1609A8DD" w14:textId="77499844" w:rsidR="006A8C26" w:rsidRPr="00101D7B" w:rsidRDefault="006A8C26" w:rsidP="006A8C26">
      <w:r>
        <w:br w:type="page"/>
      </w:r>
    </w:p>
    <w:p w14:paraId="663EA20A" w14:textId="77777777" w:rsidR="00761AC5" w:rsidRPr="00D17318" w:rsidRDefault="00086B03" w:rsidP="00086B03">
      <w:pPr>
        <w:adjustRightInd w:val="0"/>
        <w:snapToGrid w:val="0"/>
        <w:rPr>
          <w:rFonts w:ascii="微軟正黑體" w:eastAsia="微軟正黑體" w:hAnsi="微軟正黑體"/>
          <w:b/>
          <w:color w:val="31849B"/>
          <w:sz w:val="28"/>
          <w:szCs w:val="28"/>
        </w:rPr>
      </w:pPr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lastRenderedPageBreak/>
        <w:t xml:space="preserve">第三部分 </w:t>
      </w:r>
      <w:proofErr w:type="gramStart"/>
      <w:r w:rsidRPr="00D17318">
        <w:rPr>
          <w:rFonts w:ascii="微軟正黑體" w:eastAsia="微軟正黑體" w:hAnsi="微軟正黑體"/>
          <w:b/>
          <w:color w:val="31849B"/>
          <w:sz w:val="28"/>
          <w:szCs w:val="28"/>
        </w:rPr>
        <w:t>–</w:t>
      </w:r>
      <w:proofErr w:type="gramEnd"/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曾在以往的「長者友善措施致意行動」中得到獎項</w:t>
      </w:r>
      <w:r w:rsidR="009A51C9"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</w:t>
      </w:r>
    </w:p>
    <w:p w14:paraId="345802A3" w14:textId="7A2B27C2" w:rsidR="00761AC5" w:rsidRDefault="009A51C9" w:rsidP="5D5FE955">
      <w:pPr>
        <w:adjustRightInd w:val="0"/>
        <w:snapToGrid w:val="0"/>
        <w:rPr>
          <w:rFonts w:ascii="微軟正黑體" w:eastAsia="微軟正黑體" w:hAnsi="微軟正黑體"/>
          <w:b/>
          <w:bCs/>
        </w:rPr>
      </w:pPr>
      <w:r w:rsidRPr="5D5FE955">
        <w:rPr>
          <w:rFonts w:ascii="微軟正黑體" w:eastAsia="微軟正黑體" w:hAnsi="微軟正黑體"/>
          <w:b/>
          <w:bCs/>
        </w:rPr>
        <w:t>(如參選</w:t>
      </w:r>
      <w:r w:rsidR="00DC0F15" w:rsidRPr="5D5FE955">
        <w:rPr>
          <w:rFonts w:ascii="微軟正黑體" w:eastAsia="微軟正黑體" w:hAnsi="微軟正黑體"/>
          <w:b/>
          <w:bCs/>
        </w:rPr>
        <w:t>｢</w:t>
      </w:r>
      <w:r w:rsidRPr="5D5FE955">
        <w:rPr>
          <w:rFonts w:ascii="微軟正黑體" w:eastAsia="微軟正黑體" w:hAnsi="微軟正黑體"/>
          <w:b/>
          <w:bCs/>
        </w:rPr>
        <w:t>持續推動大獎</w:t>
      </w:r>
      <w:r w:rsidR="00DC0F15" w:rsidRPr="5D5FE955">
        <w:rPr>
          <w:rFonts w:ascii="微軟正黑體" w:eastAsia="微軟正黑體" w:hAnsi="微軟正黑體"/>
          <w:b/>
          <w:bCs/>
        </w:rPr>
        <w:t>｣</w:t>
      </w:r>
      <w:r w:rsidRPr="5D5FE955">
        <w:rPr>
          <w:rFonts w:ascii="微軟正黑體" w:eastAsia="微軟正黑體" w:hAnsi="微軟正黑體"/>
          <w:b/>
          <w:bCs/>
        </w:rPr>
        <w:t>，請填寫此部份)</w:t>
      </w:r>
    </w:p>
    <w:p w14:paraId="23A0F93B" w14:textId="77BF83EA" w:rsidR="009A51C9" w:rsidRPr="00761AC5" w:rsidRDefault="07CFE275" w:rsidP="1134D8C9">
      <w:pPr>
        <w:adjustRightInd w:val="0"/>
        <w:snapToGrid w:val="0"/>
        <w:rPr>
          <w:rFonts w:ascii="微軟正黑體" w:eastAsia="微軟正黑體" w:hAnsi="微軟正黑體"/>
          <w:b/>
          <w:bCs/>
        </w:rPr>
      </w:pPr>
      <w:r w:rsidRPr="1134D8C9">
        <w:rPr>
          <w:rFonts w:ascii="微軟正黑體" w:eastAsia="微軟正黑體" w:hAnsi="微軟正黑體"/>
          <w:b/>
          <w:bCs/>
        </w:rPr>
        <w:t>於最近連續5屆得到的</w:t>
      </w:r>
      <w:r w:rsidR="28010AEC" w:rsidRPr="1134D8C9">
        <w:rPr>
          <w:rFonts w:ascii="微軟正黑體" w:eastAsia="微軟正黑體" w:hAnsi="微軟正黑體"/>
          <w:b/>
          <w:bCs/>
        </w:rPr>
        <w:t>「長者友善措施致意行動」獎項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526"/>
        <w:gridCol w:w="3685"/>
        <w:gridCol w:w="4591"/>
      </w:tblGrid>
      <w:tr w:rsidR="009A51C9" w:rsidRPr="001418C9" w14:paraId="171F6101" w14:textId="77777777" w:rsidTr="001418C9">
        <w:tc>
          <w:tcPr>
            <w:tcW w:w="1526" w:type="dxa"/>
          </w:tcPr>
          <w:p w14:paraId="6E8E7F65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1418C9">
              <w:rPr>
                <w:rFonts w:ascii="微軟正黑體" w:eastAsia="微軟正黑體" w:hAnsi="微軟正黑體" w:hint="eastAsia"/>
                <w:b/>
                <w:szCs w:val="24"/>
              </w:rPr>
              <w:t>獲獎年份</w:t>
            </w:r>
          </w:p>
        </w:tc>
        <w:tc>
          <w:tcPr>
            <w:tcW w:w="3685" w:type="dxa"/>
          </w:tcPr>
          <w:p w14:paraId="43F957E6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1418C9">
              <w:rPr>
                <w:rFonts w:ascii="微軟正黑體" w:eastAsia="微軟正黑體" w:hAnsi="微軟正黑體" w:hint="eastAsia"/>
                <w:b/>
                <w:szCs w:val="24"/>
              </w:rPr>
              <w:t>獲獎的政策、措施、服務或產品名稱</w:t>
            </w:r>
          </w:p>
        </w:tc>
        <w:tc>
          <w:tcPr>
            <w:tcW w:w="4591" w:type="dxa"/>
          </w:tcPr>
          <w:p w14:paraId="7A8D9820" w14:textId="77777777" w:rsidR="003E598F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1418C9">
              <w:rPr>
                <w:rFonts w:ascii="微軟正黑體" w:eastAsia="微軟正黑體" w:hAnsi="微軟正黑體" w:hint="eastAsia"/>
                <w:b/>
                <w:szCs w:val="24"/>
              </w:rPr>
              <w:t xml:space="preserve">所獲的獎項 </w:t>
            </w:r>
          </w:p>
          <w:p w14:paraId="095DFC38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1418C9">
              <w:rPr>
                <w:rFonts w:ascii="微軟正黑體" w:eastAsia="微軟正黑體" w:hAnsi="微軟正黑體" w:hint="eastAsia"/>
                <w:szCs w:val="24"/>
              </w:rPr>
              <w:t>(金星、銀星、</w:t>
            </w:r>
            <w:proofErr w:type="gramStart"/>
            <w:r w:rsidRPr="001418C9">
              <w:rPr>
                <w:rFonts w:ascii="微軟正黑體" w:eastAsia="微軟正黑體" w:hAnsi="微軟正黑體" w:hint="eastAsia"/>
                <w:szCs w:val="24"/>
              </w:rPr>
              <w:t>銅星、彩星</w:t>
            </w:r>
            <w:proofErr w:type="gramEnd"/>
            <w:r w:rsidRPr="001418C9">
              <w:rPr>
                <w:rFonts w:ascii="微軟正黑體" w:eastAsia="微軟正黑體" w:hAnsi="微軟正黑體" w:hint="eastAsia"/>
                <w:szCs w:val="24"/>
              </w:rPr>
              <w:t>、持續推動大獎)</w:t>
            </w:r>
          </w:p>
        </w:tc>
      </w:tr>
      <w:tr w:rsidR="009A51C9" w:rsidRPr="001418C9" w14:paraId="7D34F5C7" w14:textId="77777777" w:rsidTr="00410F76">
        <w:tc>
          <w:tcPr>
            <w:tcW w:w="1526" w:type="dxa"/>
            <w:shd w:val="clear" w:color="auto" w:fill="BFBFBF" w:themeFill="background1" w:themeFillShade="BF"/>
          </w:tcPr>
          <w:p w14:paraId="0B4020A7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2022666617" w:edGrp="everyone" w:colFirst="0" w:colLast="0"/>
            <w:permStart w:id="163864502" w:edGrp="everyone" w:colFirst="1" w:colLast="1"/>
            <w:permStart w:id="1599430057" w:edGrp="everyone" w:colFirst="2" w:colLast="2"/>
          </w:p>
        </w:tc>
        <w:tc>
          <w:tcPr>
            <w:tcW w:w="3685" w:type="dxa"/>
            <w:shd w:val="clear" w:color="auto" w:fill="BFBFBF" w:themeFill="background1" w:themeFillShade="BF"/>
          </w:tcPr>
          <w:p w14:paraId="1D7B270A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14:paraId="4F904CB7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14:paraId="06971CD3" w14:textId="77777777" w:rsidTr="00410F76">
        <w:tc>
          <w:tcPr>
            <w:tcW w:w="1526" w:type="dxa"/>
            <w:shd w:val="clear" w:color="auto" w:fill="BFBFBF" w:themeFill="background1" w:themeFillShade="BF"/>
          </w:tcPr>
          <w:p w14:paraId="2A1F701D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2141878643" w:edGrp="everyone" w:colFirst="0" w:colLast="0"/>
            <w:permStart w:id="1702167237" w:edGrp="everyone" w:colFirst="1" w:colLast="1"/>
            <w:permStart w:id="1448614054" w:edGrp="everyone" w:colFirst="2" w:colLast="2"/>
            <w:permEnd w:id="2022666617"/>
            <w:permEnd w:id="163864502"/>
            <w:permEnd w:id="1599430057"/>
          </w:p>
        </w:tc>
        <w:tc>
          <w:tcPr>
            <w:tcW w:w="3685" w:type="dxa"/>
            <w:shd w:val="clear" w:color="auto" w:fill="BFBFBF" w:themeFill="background1" w:themeFillShade="BF"/>
          </w:tcPr>
          <w:p w14:paraId="03EFCA41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14:paraId="5F96A722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14:paraId="5B95CD12" w14:textId="77777777" w:rsidTr="00410F76">
        <w:tc>
          <w:tcPr>
            <w:tcW w:w="1526" w:type="dxa"/>
            <w:shd w:val="clear" w:color="auto" w:fill="BFBFBF" w:themeFill="background1" w:themeFillShade="BF"/>
          </w:tcPr>
          <w:p w14:paraId="5220BBB2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882587435" w:edGrp="everyone" w:colFirst="0" w:colLast="0"/>
            <w:permStart w:id="1373529783" w:edGrp="everyone" w:colFirst="1" w:colLast="1"/>
            <w:permStart w:id="36571829" w:edGrp="everyone" w:colFirst="2" w:colLast="2"/>
            <w:permEnd w:id="2141878643"/>
            <w:permEnd w:id="1702167237"/>
            <w:permEnd w:id="1448614054"/>
          </w:p>
        </w:tc>
        <w:tc>
          <w:tcPr>
            <w:tcW w:w="3685" w:type="dxa"/>
            <w:shd w:val="clear" w:color="auto" w:fill="BFBFBF" w:themeFill="background1" w:themeFillShade="BF"/>
          </w:tcPr>
          <w:p w14:paraId="13CB595B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14:paraId="6D9C8D39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14:paraId="675E05EE" w14:textId="77777777" w:rsidTr="00410F76">
        <w:tc>
          <w:tcPr>
            <w:tcW w:w="1526" w:type="dxa"/>
            <w:shd w:val="clear" w:color="auto" w:fill="BFBFBF" w:themeFill="background1" w:themeFillShade="BF"/>
          </w:tcPr>
          <w:p w14:paraId="2FC17F8B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1583893564" w:edGrp="everyone" w:colFirst="0" w:colLast="0"/>
            <w:permStart w:id="1058342709" w:edGrp="everyone" w:colFirst="1" w:colLast="1"/>
            <w:permStart w:id="1999590031" w:edGrp="everyone" w:colFirst="2" w:colLast="2"/>
            <w:permEnd w:id="882587435"/>
            <w:permEnd w:id="1373529783"/>
            <w:permEnd w:id="36571829"/>
          </w:p>
        </w:tc>
        <w:tc>
          <w:tcPr>
            <w:tcW w:w="3685" w:type="dxa"/>
            <w:shd w:val="clear" w:color="auto" w:fill="BFBFBF" w:themeFill="background1" w:themeFillShade="BF"/>
          </w:tcPr>
          <w:p w14:paraId="0A4F7224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14:paraId="5AE48A43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14:paraId="50F40DEB" w14:textId="77777777" w:rsidTr="00410F76">
        <w:tc>
          <w:tcPr>
            <w:tcW w:w="1526" w:type="dxa"/>
            <w:shd w:val="clear" w:color="auto" w:fill="BFBFBF" w:themeFill="background1" w:themeFillShade="BF"/>
          </w:tcPr>
          <w:p w14:paraId="77A52294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1987514054" w:edGrp="everyone" w:colFirst="0" w:colLast="0"/>
            <w:permStart w:id="160856288" w:edGrp="everyone" w:colFirst="1" w:colLast="1"/>
            <w:permStart w:id="1878747362" w:edGrp="everyone" w:colFirst="2" w:colLast="2"/>
            <w:permEnd w:id="1583893564"/>
            <w:permEnd w:id="1058342709"/>
            <w:permEnd w:id="1999590031"/>
          </w:p>
        </w:tc>
        <w:tc>
          <w:tcPr>
            <w:tcW w:w="3685" w:type="dxa"/>
            <w:shd w:val="clear" w:color="auto" w:fill="BFBFBF" w:themeFill="background1" w:themeFillShade="BF"/>
          </w:tcPr>
          <w:p w14:paraId="007DCDA8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14:paraId="450EA2D7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14:paraId="3DD355C9" w14:textId="77777777" w:rsidTr="00410F76">
        <w:tc>
          <w:tcPr>
            <w:tcW w:w="1526" w:type="dxa"/>
            <w:shd w:val="clear" w:color="auto" w:fill="BFBFBF" w:themeFill="background1" w:themeFillShade="BF"/>
          </w:tcPr>
          <w:p w14:paraId="1A81F0B1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1960389857" w:edGrp="everyone" w:colFirst="0" w:colLast="0"/>
            <w:permStart w:id="1240887325" w:edGrp="everyone" w:colFirst="1" w:colLast="1"/>
            <w:permStart w:id="1630280891" w:edGrp="everyone" w:colFirst="2" w:colLast="2"/>
            <w:permEnd w:id="1987514054"/>
            <w:permEnd w:id="160856288"/>
            <w:permEnd w:id="1878747362"/>
          </w:p>
        </w:tc>
        <w:tc>
          <w:tcPr>
            <w:tcW w:w="3685" w:type="dxa"/>
            <w:shd w:val="clear" w:color="auto" w:fill="BFBFBF" w:themeFill="background1" w:themeFillShade="BF"/>
          </w:tcPr>
          <w:p w14:paraId="717AAFBA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14:paraId="56EE48EE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14:paraId="2908EB2C" w14:textId="77777777" w:rsidTr="00410F76">
        <w:tc>
          <w:tcPr>
            <w:tcW w:w="1526" w:type="dxa"/>
            <w:shd w:val="clear" w:color="auto" w:fill="BFBFBF" w:themeFill="background1" w:themeFillShade="BF"/>
          </w:tcPr>
          <w:p w14:paraId="121FD38A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1324292923" w:edGrp="everyone" w:colFirst="0" w:colLast="0"/>
            <w:permStart w:id="751525064" w:edGrp="everyone" w:colFirst="1" w:colLast="1"/>
            <w:permStart w:id="1001526077" w:edGrp="everyone" w:colFirst="2" w:colLast="2"/>
            <w:permEnd w:id="1960389857"/>
            <w:permEnd w:id="1240887325"/>
            <w:permEnd w:id="1630280891"/>
          </w:p>
        </w:tc>
        <w:tc>
          <w:tcPr>
            <w:tcW w:w="3685" w:type="dxa"/>
            <w:shd w:val="clear" w:color="auto" w:fill="BFBFBF" w:themeFill="background1" w:themeFillShade="BF"/>
          </w:tcPr>
          <w:p w14:paraId="1FE2DD96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14:paraId="27357532" w14:textId="77777777"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permEnd w:id="1324292923"/>
      <w:permEnd w:id="751525064"/>
      <w:permEnd w:id="1001526077"/>
    </w:tbl>
    <w:p w14:paraId="07F023C8" w14:textId="77777777" w:rsidR="00D17318" w:rsidRDefault="00D17318" w:rsidP="00086B03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0"/>
        </w:rPr>
      </w:pPr>
    </w:p>
    <w:p w14:paraId="4D83F879" w14:textId="77777777" w:rsidR="00086B03" w:rsidRDefault="00086B03" w:rsidP="00086B03">
      <w:pPr>
        <w:adjustRightInd w:val="0"/>
        <w:snapToGrid w:val="0"/>
        <w:rPr>
          <w:rFonts w:ascii="微軟正黑體" w:eastAsia="微軟正黑體" w:hAnsi="微軟正黑體"/>
          <w:b/>
          <w:color w:val="31849B"/>
          <w:sz w:val="28"/>
          <w:szCs w:val="28"/>
        </w:rPr>
      </w:pPr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第四部分 </w:t>
      </w:r>
      <w:proofErr w:type="gramStart"/>
      <w:r w:rsidRPr="00D17318">
        <w:rPr>
          <w:rFonts w:ascii="微軟正黑體" w:eastAsia="微軟正黑體" w:hAnsi="微軟正黑體"/>
          <w:b/>
          <w:color w:val="31849B"/>
          <w:sz w:val="28"/>
          <w:szCs w:val="28"/>
        </w:rPr>
        <w:t>–</w:t>
      </w:r>
      <w:proofErr w:type="gramEnd"/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</w:t>
      </w:r>
      <w:r w:rsidR="00587032"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參與</w:t>
      </w:r>
      <w:r w:rsidR="00810676"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機構</w:t>
      </w:r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聯絡人</w:t>
      </w:r>
    </w:p>
    <w:p w14:paraId="59B000BC" w14:textId="77777777" w:rsidR="00BA39DA" w:rsidRPr="00503D11" w:rsidRDefault="00086B03" w:rsidP="00086B03">
      <w:pPr>
        <w:adjustRightInd w:val="0"/>
        <w:snapToGrid w:val="0"/>
        <w:rPr>
          <w:rFonts w:ascii="微軟正黑體" w:eastAsia="微軟正黑體" w:hAnsi="微軟正黑體"/>
          <w:szCs w:val="24"/>
        </w:rPr>
      </w:pPr>
      <w:r w:rsidRPr="003371CD">
        <w:rPr>
          <w:rFonts w:ascii="微軟正黑體" w:eastAsia="微軟正黑體" w:hAnsi="微軟正黑體" w:hint="eastAsia"/>
          <w:b/>
          <w:szCs w:val="24"/>
        </w:rPr>
        <w:t>聯絡人</w:t>
      </w:r>
      <w:r w:rsidR="00503D11" w:rsidRPr="00503D11">
        <w:rPr>
          <w:rFonts w:ascii="微軟正黑體" w:eastAsia="微軟正黑體" w:hAnsi="微軟正黑體" w:hint="eastAsia"/>
          <w:b/>
          <w:szCs w:val="24"/>
        </w:rPr>
        <w:t xml:space="preserve"> </w:t>
      </w:r>
    </w:p>
    <w:tbl>
      <w:tblPr>
        <w:tblW w:w="9866" w:type="dxa"/>
        <w:tblLook w:val="04A0" w:firstRow="1" w:lastRow="0" w:firstColumn="1" w:lastColumn="0" w:noHBand="0" w:noVBand="1"/>
      </w:tblPr>
      <w:tblGrid>
        <w:gridCol w:w="1384"/>
        <w:gridCol w:w="142"/>
        <w:gridCol w:w="850"/>
        <w:gridCol w:w="219"/>
        <w:gridCol w:w="1212"/>
        <w:gridCol w:w="979"/>
        <w:gridCol w:w="233"/>
        <w:gridCol w:w="1211"/>
        <w:gridCol w:w="257"/>
        <w:gridCol w:w="955"/>
        <w:gridCol w:w="1212"/>
        <w:gridCol w:w="1212"/>
      </w:tblGrid>
      <w:tr w:rsidR="00086B03" w:rsidRPr="003371CD" w14:paraId="320653DD" w14:textId="77777777" w:rsidTr="00086B03">
        <w:trPr>
          <w:cantSplit/>
        </w:trPr>
        <w:tc>
          <w:tcPr>
            <w:tcW w:w="1384" w:type="dxa"/>
            <w:vAlign w:val="bottom"/>
          </w:tcPr>
          <w:p w14:paraId="7D435A3E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稱呼</w:t>
            </w:r>
          </w:p>
        </w:tc>
        <w:tc>
          <w:tcPr>
            <w:tcW w:w="1211" w:type="dxa"/>
            <w:gridSpan w:val="3"/>
            <w:vAlign w:val="bottom"/>
          </w:tcPr>
          <w:p w14:paraId="65D2FAE9" w14:textId="77777777" w:rsidR="00086B03" w:rsidRPr="003371CD" w:rsidRDefault="002370F5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01215025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0467778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04677787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先生</w:t>
            </w:r>
          </w:p>
        </w:tc>
        <w:tc>
          <w:tcPr>
            <w:tcW w:w="1212" w:type="dxa"/>
            <w:vAlign w:val="bottom"/>
          </w:tcPr>
          <w:p w14:paraId="13F2EDB8" w14:textId="77777777" w:rsidR="00086B03" w:rsidRPr="003371CD" w:rsidRDefault="002370F5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674625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0532472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05324728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女士</w:t>
            </w:r>
          </w:p>
        </w:tc>
        <w:tc>
          <w:tcPr>
            <w:tcW w:w="1212" w:type="dxa"/>
            <w:gridSpan w:val="2"/>
            <w:vAlign w:val="bottom"/>
          </w:tcPr>
          <w:p w14:paraId="768BADBE" w14:textId="77777777" w:rsidR="00086B03" w:rsidRPr="003371CD" w:rsidRDefault="002370F5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99734573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6474350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64743503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小姐</w:t>
            </w:r>
          </w:p>
        </w:tc>
        <w:tc>
          <w:tcPr>
            <w:tcW w:w="1211" w:type="dxa"/>
            <w:vAlign w:val="bottom"/>
          </w:tcPr>
          <w:p w14:paraId="70F48464" w14:textId="77777777" w:rsidR="00086B03" w:rsidRPr="003371CD" w:rsidRDefault="002370F5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0858548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2830450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428304508"/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太太</w:t>
            </w:r>
          </w:p>
        </w:tc>
        <w:tc>
          <w:tcPr>
            <w:tcW w:w="1212" w:type="dxa"/>
            <w:gridSpan w:val="2"/>
            <w:vAlign w:val="bottom"/>
          </w:tcPr>
          <w:p w14:paraId="2C05C511" w14:textId="77777777" w:rsidR="00086B03" w:rsidRPr="003371CD" w:rsidRDefault="002370F5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756201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4156737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41567376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博士</w:t>
            </w:r>
          </w:p>
        </w:tc>
        <w:tc>
          <w:tcPr>
            <w:tcW w:w="1212" w:type="dxa"/>
            <w:vAlign w:val="bottom"/>
          </w:tcPr>
          <w:p w14:paraId="55DA5691" w14:textId="77777777" w:rsidR="00086B03" w:rsidRPr="003371CD" w:rsidRDefault="002370F5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87444498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9775650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97756507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教授</w:t>
            </w:r>
          </w:p>
        </w:tc>
        <w:tc>
          <w:tcPr>
            <w:tcW w:w="1212" w:type="dxa"/>
            <w:vAlign w:val="bottom"/>
          </w:tcPr>
          <w:p w14:paraId="4BDB5498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14:paraId="66ABBFF7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29D1DA29" w14:textId="77777777" w:rsidR="00086B03" w:rsidRPr="003371CD" w:rsidRDefault="00086B03" w:rsidP="003371C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945265164" w:edGrp="everyone" w:colFirst="3" w:colLast="3"/>
            <w:permStart w:id="388787864" w:edGrp="everyone" w:colFirst="1" w:colLast="1"/>
            <w:r w:rsidRPr="003371CD">
              <w:rPr>
                <w:rFonts w:ascii="微軟正黑體" w:eastAsia="微軟正黑體" w:hAnsi="微軟正黑體" w:hint="eastAsia"/>
                <w:szCs w:val="24"/>
              </w:rPr>
              <w:t>姓名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中文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10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2916C19D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5119CBAF" w14:textId="77777777" w:rsidR="00086B03" w:rsidRPr="003371CD" w:rsidRDefault="008004E7" w:rsidP="003371C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 w:rsidDel="008004E7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>英文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337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74869460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14:paraId="0D5F22B9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1F4A0016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2047227983" w:edGrp="everyone" w:colFirst="3" w:colLast="3"/>
            <w:permStart w:id="1158744986" w:edGrp="everyone" w:colFirst="1" w:colLast="1"/>
            <w:permEnd w:id="1945265164"/>
            <w:permEnd w:id="388787864"/>
            <w:r w:rsidRPr="003371CD">
              <w:rPr>
                <w:rFonts w:ascii="微軟正黑體" w:eastAsia="微軟正黑體" w:hAnsi="微軟正黑體" w:hint="eastAsia"/>
                <w:szCs w:val="24"/>
              </w:rPr>
              <w:t>職稱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187F57B8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56D0D11A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37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54738AF4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14:paraId="7B29BBE3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711B50A6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479618985" w:edGrp="everyone" w:colFirst="3" w:colLast="3"/>
            <w:permStart w:id="566711048" w:edGrp="everyone" w:colFirst="1" w:colLast="1"/>
            <w:permEnd w:id="2047227983"/>
            <w:permEnd w:id="1158744986"/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46ABBD8F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17D29EF5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傳真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06BBA33E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14:paraId="0FD1746C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62520635" w14:textId="77777777" w:rsidR="00086B03" w:rsidRPr="003371CD" w:rsidRDefault="00086B03" w:rsidP="003371C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671024338" w:edGrp="everyone" w:colFirst="3" w:colLast="3"/>
            <w:permStart w:id="734269134" w:edGrp="everyone" w:colFirst="1" w:colLast="1"/>
            <w:permEnd w:id="479618985"/>
            <w:permEnd w:id="566711048"/>
            <w:r w:rsidRPr="003371CD">
              <w:rPr>
                <w:rFonts w:ascii="微軟正黑體" w:eastAsia="微軟正黑體" w:hAnsi="微軟正黑體" w:hint="eastAsia"/>
                <w:szCs w:val="24"/>
              </w:rPr>
              <w:t>秘書姓名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如適用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464FCBC1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4289C0A8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5C8C6B09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14:paraId="120829C1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3382A365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2046575152" w:edGrp="everyone" w:colFirst="3" w:colLast="3"/>
            <w:permEnd w:id="671024338"/>
            <w:permEnd w:id="734269134"/>
          </w:p>
        </w:tc>
        <w:tc>
          <w:tcPr>
            <w:tcW w:w="2410" w:type="dxa"/>
            <w:gridSpan w:val="3"/>
            <w:tcBorders>
              <w:top w:val="single" w:sz="4" w:space="0" w:color="auto"/>
            </w:tcBorders>
            <w:vAlign w:val="bottom"/>
          </w:tcPr>
          <w:p w14:paraId="5C71F136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680ADF76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62199465" w14:textId="77777777"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717C1" w:rsidRPr="003371CD" w14:paraId="008274D7" w14:textId="77777777" w:rsidTr="00410F76">
        <w:trPr>
          <w:cantSplit/>
        </w:trPr>
        <w:tc>
          <w:tcPr>
            <w:tcW w:w="1526" w:type="dxa"/>
            <w:gridSpan w:val="2"/>
            <w:vAlign w:val="bottom"/>
          </w:tcPr>
          <w:p w14:paraId="2D1090DC" w14:textId="77777777" w:rsidR="000717C1" w:rsidRPr="003371CD" w:rsidRDefault="000717C1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830865982" w:edGrp="everyone" w:colFirst="1" w:colLast="1"/>
            <w:permEnd w:id="2046575152"/>
            <w:r w:rsidRPr="003371CD">
              <w:rPr>
                <w:rFonts w:ascii="微軟正黑體" w:eastAsia="微軟正黑體" w:hAnsi="微軟正黑體" w:hint="eastAsia"/>
                <w:szCs w:val="24"/>
              </w:rPr>
              <w:t>通訊地址</w:t>
            </w:r>
          </w:p>
        </w:tc>
        <w:tc>
          <w:tcPr>
            <w:tcW w:w="8340" w:type="dxa"/>
            <w:gridSpan w:val="10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0DA123B1" w14:textId="77777777" w:rsidR="000717C1" w:rsidRPr="003371CD" w:rsidRDefault="000717C1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830865982"/>
      <w:tr w:rsidR="000717C1" w:rsidRPr="003371CD" w14:paraId="4C4CEA3D" w14:textId="77777777" w:rsidTr="00410F76">
        <w:trPr>
          <w:cantSplit/>
        </w:trPr>
        <w:tc>
          <w:tcPr>
            <w:tcW w:w="1526" w:type="dxa"/>
            <w:gridSpan w:val="2"/>
            <w:vAlign w:val="bottom"/>
          </w:tcPr>
          <w:p w14:paraId="50895670" w14:textId="77777777" w:rsidR="000717C1" w:rsidRPr="003371CD" w:rsidRDefault="000717C1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8340" w:type="dxa"/>
            <w:gridSpan w:val="10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38C1F859" w14:textId="77777777" w:rsidR="000717C1" w:rsidRPr="003371CD" w:rsidRDefault="000717C1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</w:tbl>
    <w:p w14:paraId="0C8FE7CE" w14:textId="77777777" w:rsidR="00A07A2C" w:rsidRDefault="00A07A2C" w:rsidP="00086B03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4"/>
        </w:rPr>
      </w:pPr>
    </w:p>
    <w:p w14:paraId="41004F19" w14:textId="77777777" w:rsidR="007D5BA9" w:rsidRDefault="007D5BA9" w:rsidP="00086B03">
      <w:pPr>
        <w:adjustRightInd w:val="0"/>
        <w:snapToGrid w:val="0"/>
        <w:rPr>
          <w:rFonts w:ascii="微軟正黑體" w:eastAsia="微軟正黑體" w:hAnsi="微軟正黑體"/>
          <w:b/>
          <w:sz w:val="28"/>
          <w:szCs w:val="24"/>
        </w:rPr>
      </w:pPr>
    </w:p>
    <w:p w14:paraId="7104B78A" w14:textId="77777777" w:rsidR="008F581C" w:rsidRDefault="007C1C13" w:rsidP="00086B03">
      <w:pPr>
        <w:adjustRightInd w:val="0"/>
        <w:snapToGrid w:val="0"/>
        <w:rPr>
          <w:rFonts w:ascii="微軟正黑體" w:eastAsia="微軟正黑體" w:hAnsi="微軟正黑體"/>
          <w:b/>
          <w:sz w:val="28"/>
          <w:szCs w:val="24"/>
        </w:rPr>
      </w:pPr>
      <w:r>
        <w:rPr>
          <w:rFonts w:ascii="微軟正黑體" w:eastAsia="微軟正黑體" w:hAnsi="微軟正黑體" w:hint="eastAsia"/>
          <w:b/>
          <w:noProof/>
          <w:color w:val="31849B"/>
          <w:sz w:val="28"/>
          <w:szCs w:val="24"/>
        </w:rPr>
        <mc:AlternateContent>
          <mc:Choice Requires="wps">
            <w:drawing>
              <wp:anchor distT="0" distB="0" distL="114300" distR="114300" simplePos="0" relativeHeight="251656704" behindDoc="1" locked="0" layoutInCell="1" allowOverlap="1" wp14:anchorId="1101B3A0" wp14:editId="07777777">
                <wp:simplePos x="0" y="0"/>
                <wp:positionH relativeFrom="column">
                  <wp:posOffset>4804410</wp:posOffset>
                </wp:positionH>
                <wp:positionV relativeFrom="paragraph">
                  <wp:posOffset>88900</wp:posOffset>
                </wp:positionV>
                <wp:extent cx="1666875" cy="1547495"/>
                <wp:effectExtent l="19050" t="19050" r="28575" b="14605"/>
                <wp:wrapTight wrapText="bothSides">
                  <wp:wrapPolygon edited="0">
                    <wp:start x="-247" y="-266"/>
                    <wp:lineTo x="-247" y="21538"/>
                    <wp:lineTo x="21723" y="21538"/>
                    <wp:lineTo x="21723" y="-266"/>
                    <wp:lineTo x="-247" y="-266"/>
                  </wp:wrapPolygon>
                </wp:wrapTight>
                <wp:docPr id="20" name="Text Box 5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666875" cy="154749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285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3F63E15" w14:textId="77777777" w:rsidR="00907F97" w:rsidRDefault="00907F97" w:rsidP="007D5BA9">
                            <w:pPr>
                              <w:jc w:val="center"/>
                              <w:rPr>
                                <w:rFonts w:ascii="微軟正黑體" w:eastAsia="微軟正黑體" w:hAnsi="微軟正黑體"/>
                                <w:b/>
                                <w:color w:val="31849B"/>
                                <w:sz w:val="28"/>
                                <w:szCs w:val="20"/>
                              </w:rPr>
                            </w:pPr>
                            <w:r w:rsidRPr="00410F76">
                              <w:rPr>
                                <w:rFonts w:ascii="微軟正黑體" w:eastAsia="微軟正黑體" w:hAnsi="微軟正黑體"/>
                                <w:b/>
                                <w:color w:val="31849B"/>
                                <w:sz w:val="28"/>
                                <w:szCs w:val="20"/>
                              </w:rPr>
                              <w:t>參與機構蓋印</w:t>
                            </w:r>
                          </w:p>
                          <w:p w14:paraId="67C0C651" w14:textId="77777777" w:rsidR="00907F97" w:rsidRPr="00410F76" w:rsidRDefault="00907F97" w:rsidP="007D5BA9">
                            <w:pPr>
                              <w:jc w:val="center"/>
                              <w:rPr>
                                <w:rFonts w:ascii="微軟正黑體" w:eastAsia="微軟正黑體" w:hAnsi="微軟正黑體"/>
                                <w:b/>
                                <w:color w:val="31849B"/>
                                <w:sz w:val="28"/>
                                <w:szCs w:val="20"/>
                              </w:rPr>
                            </w:pPr>
                            <w:permStart w:id="283256264" w:edGrp="everyone"/>
                            <w:permEnd w:id="283256264"/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1101B3A0" id="_x0000_t202" coordsize="21600,21600" o:spt="202" path="m,l,21600r21600,l21600,xe">
                <v:stroke joinstyle="miter"/>
                <v:path gradientshapeok="t" o:connecttype="rect"/>
              </v:shapetype>
              <v:shape id="Text Box 52" o:spid="_x0000_s1026" type="#_x0000_t202" style="position:absolute;margin-left:378.3pt;margin-top:7pt;width:131.25pt;height:121.85pt;z-index:-2516597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" strokeweight="2.25pt">
                <v:textbox>
                  <w:txbxContent>
                    <w:p w14:paraId="53F63E15" w14:textId="77777777" w:rsidR="00907F97" w:rsidRDefault="00907F97" w:rsidP="007D5BA9">
                      <w:pPr>
                        <w:jc w:val="center"/>
                        <w:rPr>
                          <w:rFonts w:ascii="微軟正黑體" w:eastAsia="微軟正黑體" w:hAnsi="微軟正黑體"/>
                          <w:b/>
                          <w:color w:val="31849B"/>
                          <w:sz w:val="28"/>
                          <w:szCs w:val="20"/>
                        </w:rPr>
                      </w:pPr>
                      <w:r w:rsidRPr="00410F76">
                        <w:rPr>
                          <w:rFonts w:ascii="微軟正黑體" w:eastAsia="微軟正黑體" w:hAnsi="微軟正黑體"/>
                          <w:b/>
                          <w:color w:val="31849B"/>
                          <w:sz w:val="28"/>
                          <w:szCs w:val="20"/>
                        </w:rPr>
                        <w:t>參與機構蓋印</w:t>
                      </w:r>
                    </w:p>
                    <w:p w14:paraId="67C0C651" w14:textId="77777777" w:rsidR="00907F97" w:rsidRPr="00410F76" w:rsidRDefault="00907F97" w:rsidP="007D5BA9">
                      <w:pPr>
                        <w:jc w:val="center"/>
                        <w:rPr>
                          <w:rFonts w:ascii="微軟正黑體" w:eastAsia="微軟正黑體" w:hAnsi="微軟正黑體"/>
                          <w:b/>
                          <w:color w:val="31849B"/>
                          <w:sz w:val="28"/>
                          <w:szCs w:val="20"/>
                        </w:rPr>
                      </w:pPr>
                      <w:permStart w:id="283256264" w:edGrp="everyone"/>
                      <w:permEnd w:id="283256264"/>
                    </w:p>
                  </w:txbxContent>
                </v:textbox>
                <w10:wrap type="tight"/>
              </v:shape>
            </w:pict>
          </mc:Fallback>
        </mc:AlternateContent>
      </w:r>
      <w:r w:rsidR="008F581C" w:rsidRPr="000717C1">
        <w:rPr>
          <w:rFonts w:ascii="微軟正黑體" w:eastAsia="微軟正黑體" w:hAnsi="微軟正黑體" w:hint="eastAsia"/>
          <w:b/>
          <w:sz w:val="28"/>
          <w:szCs w:val="24"/>
        </w:rPr>
        <w:t>本機構承諾持續提供符合世界衞生組織倡議的「長者友善」範疇原則的政策、措施、服務或產品。</w:t>
      </w:r>
    </w:p>
    <w:p w14:paraId="797E50C6" w14:textId="77777777" w:rsidR="000717C1" w:rsidRDefault="000717C1" w:rsidP="00086B03">
      <w:pPr>
        <w:adjustRightInd w:val="0"/>
        <w:snapToGrid w:val="0"/>
        <w:rPr>
          <w:rFonts w:ascii="微軟正黑體" w:eastAsia="微軟正黑體" w:hAnsi="微軟正黑體"/>
          <w:b/>
          <w:sz w:val="28"/>
          <w:szCs w:val="24"/>
        </w:rPr>
      </w:pPr>
    </w:p>
    <w:p w14:paraId="7B04FA47" w14:textId="77777777" w:rsidR="000565C3" w:rsidRDefault="000565C3">
      <w:r>
        <w:br w:type="page"/>
      </w:r>
    </w:p>
    <w:tbl>
      <w:tblPr>
        <w:tblpPr w:leftFromText="180" w:rightFromText="180" w:vertAnchor="text" w:horzAnchor="margin" w:tblpY="21"/>
        <w:tblW w:w="10031" w:type="dxa"/>
        <w:shd w:val="clear" w:color="auto" w:fill="E36C0A"/>
        <w:tblLook w:val="04A0" w:firstRow="1" w:lastRow="0" w:firstColumn="1" w:lastColumn="0" w:noHBand="0" w:noVBand="1"/>
      </w:tblPr>
      <w:tblGrid>
        <w:gridCol w:w="10031"/>
      </w:tblGrid>
      <w:tr w:rsidR="003512F2" w:rsidRPr="008C61A0" w14:paraId="5BD5186D" w14:textId="77777777" w:rsidTr="002D1418">
        <w:trPr>
          <w:hidden/>
        </w:trPr>
        <w:tc>
          <w:tcPr>
            <w:tcW w:w="10031" w:type="dxa"/>
            <w:shd w:val="clear" w:color="auto" w:fill="E36C0A"/>
          </w:tcPr>
          <w:p w14:paraId="157EC58C" w14:textId="77777777" w:rsidR="003512F2" w:rsidRPr="008C61A0" w:rsidRDefault="000717C1" w:rsidP="003512F2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color w:val="FFFFFF"/>
                <w:sz w:val="28"/>
                <w:szCs w:val="20"/>
              </w:rPr>
            </w:pPr>
            <w:r>
              <w:rPr>
                <w:vanish/>
              </w:rPr>
              <w:lastRenderedPageBreak/>
              <w:br w:type="page"/>
            </w:r>
            <w:r w:rsidR="003512F2">
              <w:rPr>
                <w:rFonts w:ascii="微軟正黑體" w:eastAsia="微軟正黑體" w:hAnsi="微軟正黑體"/>
                <w:b/>
                <w:color w:val="E36C0A"/>
                <w:sz w:val="28"/>
                <w:szCs w:val="20"/>
              </w:rPr>
              <w:br w:type="page"/>
            </w:r>
            <w:r w:rsidR="003512F2" w:rsidRPr="008C61A0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0"/>
              </w:rPr>
              <w:t>表格二：由</w:t>
            </w:r>
            <w:r w:rsidR="003512F2" w:rsidRPr="00587032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0"/>
              </w:rPr>
              <w:t>長者服務單位</w:t>
            </w:r>
            <w:r w:rsidR="003512F2" w:rsidRPr="008C61A0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0"/>
              </w:rPr>
              <w:t>填寫</w:t>
            </w:r>
          </w:p>
        </w:tc>
      </w:tr>
    </w:tbl>
    <w:p w14:paraId="568C698B" w14:textId="77777777" w:rsidR="00503D11" w:rsidRPr="003B7A07" w:rsidRDefault="00503D11" w:rsidP="003B7A07">
      <w:pPr>
        <w:rPr>
          <w:vanish/>
        </w:rPr>
      </w:pPr>
    </w:p>
    <w:tbl>
      <w:tblPr>
        <w:tblW w:w="10031" w:type="dxa"/>
        <w:tblLayout w:type="fixed"/>
        <w:tblLook w:val="04A0" w:firstRow="1" w:lastRow="0" w:firstColumn="1" w:lastColumn="0" w:noHBand="0" w:noVBand="1"/>
      </w:tblPr>
      <w:tblGrid>
        <w:gridCol w:w="2376"/>
        <w:gridCol w:w="7655"/>
      </w:tblGrid>
      <w:tr w:rsidR="008D7FB8" w:rsidRPr="001439FB" w14:paraId="7CA48405" w14:textId="77777777" w:rsidTr="002D1418">
        <w:trPr>
          <w:trHeight w:hRule="exact" w:val="567"/>
        </w:trPr>
        <w:tc>
          <w:tcPr>
            <w:tcW w:w="2376" w:type="dxa"/>
            <w:vAlign w:val="center"/>
          </w:tcPr>
          <w:p w14:paraId="7BC58B2C" w14:textId="77777777" w:rsidR="008D7FB8" w:rsidRPr="001439FB" w:rsidRDefault="008D7FB8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334522278" w:edGrp="everyone" w:colFirst="1" w:colLast="1"/>
            <w:r>
              <w:rPr>
                <w:rFonts w:ascii="微軟正黑體" w:eastAsia="微軟正黑體" w:hAnsi="微軟正黑體"/>
                <w:szCs w:val="24"/>
              </w:rPr>
              <w:t>提名參與機構名稱</w:t>
            </w:r>
          </w:p>
        </w:tc>
        <w:tc>
          <w:tcPr>
            <w:tcW w:w="7655" w:type="dxa"/>
            <w:tcBorders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14:paraId="1A939487" w14:textId="77777777" w:rsidR="008D7FB8" w:rsidRPr="001439FB" w:rsidRDefault="008D7FB8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334522278"/>
    </w:tbl>
    <w:p w14:paraId="6AA258D8" w14:textId="77777777" w:rsidR="00EF0A2C" w:rsidRDefault="00EF0A2C" w:rsidP="00F5564D">
      <w:pPr>
        <w:adjustRightInd w:val="0"/>
        <w:snapToGrid w:val="0"/>
        <w:rPr>
          <w:rFonts w:ascii="微軟正黑體" w:eastAsia="微軟正黑體" w:hAnsi="微軟正黑體"/>
          <w:b/>
          <w:color w:val="E36C0A"/>
          <w:sz w:val="28"/>
          <w:szCs w:val="20"/>
        </w:rPr>
      </w:pPr>
    </w:p>
    <w:p w14:paraId="43EF1875" w14:textId="77777777" w:rsidR="00F5564D" w:rsidRPr="003E598F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color w:val="E36C0A"/>
          <w:sz w:val="28"/>
          <w:szCs w:val="28"/>
        </w:rPr>
      </w:pP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第一部份</w:t>
      </w:r>
      <w:r w:rsidR="000717C1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- </w:t>
      </w:r>
      <w:r w:rsidR="0058703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長者服務單位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資料</w:t>
      </w:r>
    </w:p>
    <w:p w14:paraId="7AB6D430" w14:textId="77777777" w:rsidR="002E2AB3" w:rsidRDefault="00587032" w:rsidP="002E2AB3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587032">
        <w:rPr>
          <w:rFonts w:ascii="微軟正黑體" w:eastAsia="微軟正黑體" w:hAnsi="微軟正黑體" w:hint="eastAsia"/>
          <w:b/>
          <w:szCs w:val="24"/>
        </w:rPr>
        <w:t>長者服務單位</w:t>
      </w:r>
      <w:r w:rsidR="002E2AB3" w:rsidRPr="007C314A">
        <w:rPr>
          <w:rFonts w:ascii="微軟正黑體" w:eastAsia="微軟正黑體" w:hAnsi="微軟正黑體" w:hint="eastAsia"/>
          <w:b/>
          <w:szCs w:val="24"/>
        </w:rPr>
        <w:t>名稱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8715"/>
      </w:tblGrid>
      <w:tr w:rsidR="00410F76" w:rsidRPr="001439FB" w14:paraId="4C65D212" w14:textId="77777777" w:rsidTr="00410F76">
        <w:trPr>
          <w:trHeight w:hRule="exact" w:val="567"/>
        </w:trPr>
        <w:tc>
          <w:tcPr>
            <w:tcW w:w="1242" w:type="dxa"/>
            <w:vAlign w:val="bottom"/>
          </w:tcPr>
          <w:p w14:paraId="56E9EE11" w14:textId="77777777" w:rsidR="00410F76" w:rsidRPr="001439FB" w:rsidRDefault="00410F76" w:rsidP="00B60404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283396794" w:edGrp="everyone" w:colFirst="1" w:colLast="1"/>
            <w:r w:rsidRPr="001439FB">
              <w:rPr>
                <w:rFonts w:ascii="微軟正黑體" w:eastAsia="微軟正黑體" w:hAnsi="微軟正黑體" w:hint="eastAsia"/>
                <w:szCs w:val="24"/>
              </w:rPr>
              <w:t>中文</w:t>
            </w:r>
          </w:p>
        </w:tc>
        <w:tc>
          <w:tcPr>
            <w:tcW w:w="8715" w:type="dxa"/>
            <w:tcBorders>
              <w:bottom w:val="single" w:sz="4" w:space="0" w:color="auto"/>
            </w:tcBorders>
            <w:shd w:val="clear" w:color="auto" w:fill="BFBFBF" w:themeFill="background1" w:themeFillShade="BF"/>
          </w:tcPr>
          <w:p w14:paraId="6FFBD3EC" w14:textId="77777777" w:rsidR="00410F76" w:rsidRPr="001439FB" w:rsidRDefault="00410F76" w:rsidP="00410F76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410F76" w:rsidRPr="001439FB" w14:paraId="5B27AF04" w14:textId="77777777" w:rsidTr="00410F76">
        <w:trPr>
          <w:trHeight w:hRule="exact" w:val="567"/>
        </w:trPr>
        <w:tc>
          <w:tcPr>
            <w:tcW w:w="1242" w:type="dxa"/>
            <w:vAlign w:val="bottom"/>
          </w:tcPr>
          <w:p w14:paraId="31C01E45" w14:textId="77777777" w:rsidR="00410F76" w:rsidRPr="001439FB" w:rsidRDefault="00410F76" w:rsidP="00B60404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673538578" w:edGrp="everyone" w:colFirst="1" w:colLast="1"/>
            <w:permEnd w:id="1283396794"/>
            <w:r w:rsidRPr="001439FB">
              <w:rPr>
                <w:rFonts w:ascii="微軟正黑體" w:eastAsia="微軟正黑體" w:hAnsi="微軟正黑體" w:hint="eastAsia"/>
                <w:szCs w:val="24"/>
              </w:rPr>
              <w:t>英文</w:t>
            </w:r>
          </w:p>
        </w:tc>
        <w:tc>
          <w:tcPr>
            <w:tcW w:w="8715" w:type="dxa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14:paraId="30DCCCAD" w14:textId="77777777" w:rsidR="00410F76" w:rsidRPr="001439FB" w:rsidRDefault="00410F76" w:rsidP="00410F76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673538578"/>
    </w:tbl>
    <w:p w14:paraId="36AF6883" w14:textId="77777777" w:rsidR="002E2AB3" w:rsidRDefault="002E2AB3" w:rsidP="00F5564D">
      <w:pPr>
        <w:adjustRightInd w:val="0"/>
        <w:snapToGrid w:val="0"/>
        <w:rPr>
          <w:rFonts w:ascii="微軟正黑體" w:eastAsia="微軟正黑體" w:hAnsi="微軟正黑體"/>
          <w:b/>
          <w:sz w:val="20"/>
          <w:szCs w:val="20"/>
        </w:rPr>
      </w:pPr>
    </w:p>
    <w:tbl>
      <w:tblPr>
        <w:tblW w:w="0" w:type="auto"/>
        <w:tblLook w:val="04A0" w:firstRow="1" w:lastRow="0" w:firstColumn="1" w:lastColumn="0" w:noHBand="0" w:noVBand="1"/>
      </w:tblPr>
      <w:tblGrid>
        <w:gridCol w:w="1660"/>
        <w:gridCol w:w="1660"/>
        <w:gridCol w:w="1661"/>
        <w:gridCol w:w="1660"/>
        <w:gridCol w:w="1660"/>
        <w:gridCol w:w="1661"/>
      </w:tblGrid>
      <w:tr w:rsidR="002E2AB3" w:rsidRPr="001439FB" w14:paraId="4F2F6735" w14:textId="77777777" w:rsidTr="002D1418">
        <w:tc>
          <w:tcPr>
            <w:tcW w:w="9962" w:type="dxa"/>
            <w:gridSpan w:val="6"/>
            <w:vAlign w:val="bottom"/>
          </w:tcPr>
          <w:p w14:paraId="42D29861" w14:textId="77777777" w:rsidR="002E2AB3" w:rsidRPr="002E2AB3" w:rsidRDefault="002E2AB3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b/>
                <w:noProof/>
                <w:szCs w:val="24"/>
              </w:rPr>
            </w:pPr>
            <w:r w:rsidRPr="002E2AB3"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所屬地區</w:t>
            </w:r>
            <w:r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 xml:space="preserve"> (</w:t>
            </w:r>
            <w:r w:rsidRPr="002E2AB3"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請選一項</w:t>
            </w:r>
            <w:r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)</w:t>
            </w:r>
          </w:p>
        </w:tc>
      </w:tr>
      <w:tr w:rsidR="002E2AB3" w:rsidRPr="001439FB" w14:paraId="60360DF0" w14:textId="77777777" w:rsidTr="002D1418">
        <w:tc>
          <w:tcPr>
            <w:tcW w:w="1660" w:type="dxa"/>
            <w:vAlign w:val="bottom"/>
          </w:tcPr>
          <w:p w14:paraId="66640987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2716578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6264171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62641716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中西區</w:t>
            </w:r>
          </w:p>
        </w:tc>
        <w:tc>
          <w:tcPr>
            <w:tcW w:w="1660" w:type="dxa"/>
            <w:vAlign w:val="bottom"/>
          </w:tcPr>
          <w:p w14:paraId="12CF1C16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5406804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0352629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03526293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proofErr w:type="gramStart"/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灣仔區</w:t>
            </w:r>
            <w:proofErr w:type="gramEnd"/>
          </w:p>
        </w:tc>
        <w:tc>
          <w:tcPr>
            <w:tcW w:w="1661" w:type="dxa"/>
            <w:vAlign w:val="bottom"/>
          </w:tcPr>
          <w:p w14:paraId="4727F0F0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10546569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1725291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17252919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東區</w:t>
            </w:r>
          </w:p>
        </w:tc>
        <w:tc>
          <w:tcPr>
            <w:tcW w:w="1660" w:type="dxa"/>
            <w:vAlign w:val="bottom"/>
          </w:tcPr>
          <w:p w14:paraId="528A7ECD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75025952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075981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0759816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南區</w:t>
            </w:r>
          </w:p>
        </w:tc>
        <w:tc>
          <w:tcPr>
            <w:tcW w:w="1660" w:type="dxa"/>
            <w:vAlign w:val="bottom"/>
          </w:tcPr>
          <w:p w14:paraId="2DBC4512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61737000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4590932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45909328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proofErr w:type="gramStart"/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油尖旺區</w:t>
            </w:r>
            <w:proofErr w:type="gramEnd"/>
          </w:p>
        </w:tc>
        <w:tc>
          <w:tcPr>
            <w:tcW w:w="1661" w:type="dxa"/>
          </w:tcPr>
          <w:p w14:paraId="2B1539DB" w14:textId="77777777" w:rsidR="002E2AB3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74151743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2534793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25347930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深水埗區</w:t>
            </w:r>
          </w:p>
        </w:tc>
      </w:tr>
      <w:tr w:rsidR="002E2AB3" w:rsidRPr="001439FB" w14:paraId="6479E0C6" w14:textId="77777777" w:rsidTr="002D1418">
        <w:tc>
          <w:tcPr>
            <w:tcW w:w="1660" w:type="dxa"/>
            <w:vAlign w:val="bottom"/>
          </w:tcPr>
          <w:p w14:paraId="0A662944" w14:textId="77777777" w:rsidR="002E2AB3" w:rsidRPr="001439FB" w:rsidRDefault="002370F5" w:rsidP="000717C1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95247115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2417890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1224178908"/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九龍城區</w:t>
            </w:r>
          </w:p>
        </w:tc>
        <w:tc>
          <w:tcPr>
            <w:tcW w:w="1660" w:type="dxa"/>
            <w:vAlign w:val="bottom"/>
          </w:tcPr>
          <w:p w14:paraId="45851406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25482323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8279554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82795547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黃大仙區</w:t>
            </w:r>
          </w:p>
        </w:tc>
        <w:tc>
          <w:tcPr>
            <w:tcW w:w="1661" w:type="dxa"/>
            <w:vAlign w:val="bottom"/>
          </w:tcPr>
          <w:p w14:paraId="4A84496A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01851159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5995143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59951436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觀塘區</w:t>
            </w:r>
          </w:p>
        </w:tc>
        <w:tc>
          <w:tcPr>
            <w:tcW w:w="1660" w:type="dxa"/>
            <w:vAlign w:val="bottom"/>
          </w:tcPr>
          <w:p w14:paraId="1BD73E66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02870845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2289144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22891445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proofErr w:type="gramStart"/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荃</w:t>
            </w:r>
            <w:proofErr w:type="gramEnd"/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灣區</w:t>
            </w:r>
          </w:p>
        </w:tc>
        <w:tc>
          <w:tcPr>
            <w:tcW w:w="1660" w:type="dxa"/>
            <w:vAlign w:val="bottom"/>
          </w:tcPr>
          <w:p w14:paraId="26FF3C79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80588222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5045985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50459854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屯門區</w:t>
            </w:r>
          </w:p>
        </w:tc>
        <w:tc>
          <w:tcPr>
            <w:tcW w:w="1661" w:type="dxa"/>
          </w:tcPr>
          <w:p w14:paraId="136A3859" w14:textId="77777777" w:rsidR="002E2AB3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66235128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0898100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08981005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proofErr w:type="gramStart"/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元朗區</w:t>
            </w:r>
            <w:proofErr w:type="gramEnd"/>
          </w:p>
        </w:tc>
      </w:tr>
      <w:tr w:rsidR="002E2AB3" w:rsidRPr="001439FB" w14:paraId="69EB6C7E" w14:textId="77777777" w:rsidTr="002D1418">
        <w:tc>
          <w:tcPr>
            <w:tcW w:w="1660" w:type="dxa"/>
            <w:vAlign w:val="bottom"/>
          </w:tcPr>
          <w:p w14:paraId="010F72A8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5326745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822492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8224927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北區</w:t>
            </w:r>
          </w:p>
        </w:tc>
        <w:tc>
          <w:tcPr>
            <w:tcW w:w="1660" w:type="dxa"/>
            <w:vAlign w:val="bottom"/>
          </w:tcPr>
          <w:p w14:paraId="22C188A9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1987923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441430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4414302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大埔區</w:t>
            </w:r>
          </w:p>
        </w:tc>
        <w:tc>
          <w:tcPr>
            <w:tcW w:w="1661" w:type="dxa"/>
            <w:vAlign w:val="bottom"/>
          </w:tcPr>
          <w:p w14:paraId="48410162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6120263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95894790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958947908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西貢區</w:t>
            </w:r>
          </w:p>
        </w:tc>
        <w:tc>
          <w:tcPr>
            <w:tcW w:w="1660" w:type="dxa"/>
            <w:vAlign w:val="bottom"/>
          </w:tcPr>
          <w:p w14:paraId="49F797CC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43412114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8954632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89546321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沙田區</w:t>
            </w:r>
          </w:p>
        </w:tc>
        <w:tc>
          <w:tcPr>
            <w:tcW w:w="1660" w:type="dxa"/>
            <w:vAlign w:val="bottom"/>
          </w:tcPr>
          <w:p w14:paraId="49039C95" w14:textId="77777777" w:rsidR="002E2AB3" w:rsidRPr="001439FB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95817460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151943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1519432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葵青區</w:t>
            </w:r>
          </w:p>
        </w:tc>
        <w:tc>
          <w:tcPr>
            <w:tcW w:w="1661" w:type="dxa"/>
          </w:tcPr>
          <w:p w14:paraId="7346CBAB" w14:textId="77777777" w:rsidR="002E2AB3" w:rsidRDefault="002370F5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8988475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4111753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41117537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離島區</w:t>
            </w:r>
          </w:p>
        </w:tc>
      </w:tr>
    </w:tbl>
    <w:p w14:paraId="54C529ED" w14:textId="77777777"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14:paraId="353C28E4" w14:textId="77777777" w:rsidR="00F5564D" w:rsidRPr="002E2AB3" w:rsidRDefault="00587032" w:rsidP="00F5564D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587032">
        <w:rPr>
          <w:rFonts w:ascii="微軟正黑體" w:eastAsia="微軟正黑體" w:hAnsi="微軟正黑體" w:hint="eastAsia"/>
          <w:b/>
          <w:szCs w:val="24"/>
        </w:rPr>
        <w:t>長者服務單位</w:t>
      </w:r>
      <w:r w:rsidR="00F5564D" w:rsidRPr="002E2AB3">
        <w:rPr>
          <w:rFonts w:ascii="微軟正黑體" w:eastAsia="微軟正黑體" w:hAnsi="微軟正黑體" w:hint="eastAsia"/>
          <w:b/>
          <w:szCs w:val="24"/>
        </w:rPr>
        <w:t>類別為</w:t>
      </w:r>
    </w:p>
    <w:tbl>
      <w:tblPr>
        <w:tblW w:w="0" w:type="auto"/>
        <w:tblInd w:w="-34" w:type="dxa"/>
        <w:tblLook w:val="04A0" w:firstRow="1" w:lastRow="0" w:firstColumn="1" w:lastColumn="0" w:noHBand="0" w:noVBand="1"/>
      </w:tblPr>
      <w:tblGrid>
        <w:gridCol w:w="3402"/>
        <w:gridCol w:w="3260"/>
        <w:gridCol w:w="3261"/>
      </w:tblGrid>
      <w:tr w:rsidR="00F5564D" w:rsidRPr="002E2AB3" w14:paraId="71AFC702" w14:textId="77777777" w:rsidTr="002D1418">
        <w:tc>
          <w:tcPr>
            <w:tcW w:w="3402" w:type="dxa"/>
          </w:tcPr>
          <w:p w14:paraId="74307E87" w14:textId="77777777" w:rsidR="00F5564D" w:rsidRPr="002E2AB3" w:rsidRDefault="002370F5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8511799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87029863" w:edGrp="everyone"/>
                <w:r w:rsidR="002D1418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87029863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F5564D" w:rsidRPr="002E2AB3">
              <w:rPr>
                <w:rFonts w:ascii="微軟正黑體" w:eastAsia="微軟正黑體" w:hAnsi="微軟正黑體" w:hint="eastAsia"/>
                <w:szCs w:val="24"/>
              </w:rPr>
              <w:t>長者地區中心</w:t>
            </w:r>
          </w:p>
        </w:tc>
        <w:tc>
          <w:tcPr>
            <w:tcW w:w="3260" w:type="dxa"/>
          </w:tcPr>
          <w:p w14:paraId="744BE4A6" w14:textId="77777777" w:rsidR="00F5564D" w:rsidRPr="002E2AB3" w:rsidRDefault="002370F5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5389973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174869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1748697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F5564D" w:rsidRPr="002E2AB3">
              <w:rPr>
                <w:rFonts w:ascii="微軟正黑體" w:eastAsia="微軟正黑體" w:hAnsi="微軟正黑體" w:hint="eastAsia"/>
                <w:szCs w:val="24"/>
              </w:rPr>
              <w:t>長者鄰舍中心</w:t>
            </w:r>
          </w:p>
        </w:tc>
        <w:tc>
          <w:tcPr>
            <w:tcW w:w="3261" w:type="dxa"/>
          </w:tcPr>
          <w:p w14:paraId="62C2736A" w14:textId="77777777" w:rsidR="00F5564D" w:rsidRPr="002E2AB3" w:rsidRDefault="002370F5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872924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3196247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31962470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F5564D" w:rsidRPr="002E2AB3">
              <w:rPr>
                <w:rFonts w:ascii="微軟正黑體" w:eastAsia="微軟正黑體" w:hAnsi="微軟正黑體" w:hint="eastAsia"/>
                <w:szCs w:val="24"/>
              </w:rPr>
              <w:t>安老院舍</w:t>
            </w:r>
          </w:p>
        </w:tc>
      </w:tr>
      <w:tr w:rsidR="00F5564D" w:rsidRPr="002E2AB3" w14:paraId="161AB8EF" w14:textId="77777777" w:rsidTr="002D1418">
        <w:tc>
          <w:tcPr>
            <w:tcW w:w="3402" w:type="dxa"/>
          </w:tcPr>
          <w:p w14:paraId="44FF6B4C" w14:textId="77777777" w:rsidR="00F5564D" w:rsidRPr="00DC5617" w:rsidRDefault="002370F5" w:rsidP="00072975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510288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4437027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44370275"/>
              </w:sdtContent>
            </w:sdt>
            <w:r w:rsidR="000717C1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F5564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>長者日間護理中心</w:t>
            </w:r>
          </w:p>
        </w:tc>
        <w:tc>
          <w:tcPr>
            <w:tcW w:w="3260" w:type="dxa"/>
          </w:tcPr>
          <w:p w14:paraId="19BEB914" w14:textId="77777777" w:rsidR="00F5564D" w:rsidRPr="00DC5617" w:rsidRDefault="002370F5" w:rsidP="00072975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8990904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0757603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07576030"/>
              </w:sdtContent>
            </w:sdt>
            <w:r w:rsidR="000717C1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F5564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>綜合家居照顧服務</w:t>
            </w:r>
          </w:p>
        </w:tc>
        <w:tc>
          <w:tcPr>
            <w:tcW w:w="3261" w:type="dxa"/>
          </w:tcPr>
          <w:p w14:paraId="7FA11050" w14:textId="77777777" w:rsidR="00F5564D" w:rsidRPr="002E2AB3" w:rsidRDefault="002370F5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9509939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874124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8741241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F5564D" w:rsidRPr="002E2AB3">
              <w:rPr>
                <w:rFonts w:ascii="微軟正黑體" w:eastAsia="微軟正黑體" w:hAnsi="微軟正黑體" w:hint="eastAsia"/>
                <w:szCs w:val="24"/>
              </w:rPr>
              <w:t>改善家居及社區照顧服務</w:t>
            </w:r>
          </w:p>
        </w:tc>
      </w:tr>
      <w:tr w:rsidR="00F5564D" w:rsidRPr="002E2AB3" w14:paraId="56FB995A" w14:textId="77777777" w:rsidTr="002D1418">
        <w:tc>
          <w:tcPr>
            <w:tcW w:w="3402" w:type="dxa"/>
          </w:tcPr>
          <w:p w14:paraId="7A8912FF" w14:textId="77777777" w:rsidR="00F5564D" w:rsidRPr="00DC5617" w:rsidRDefault="002370F5" w:rsidP="00072975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9972491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2406089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24060893"/>
              </w:sdtContent>
            </w:sdt>
            <w:r w:rsidR="000717C1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F5564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>自負盈虧長者服務單位</w:t>
            </w:r>
          </w:p>
        </w:tc>
        <w:tc>
          <w:tcPr>
            <w:tcW w:w="3260" w:type="dxa"/>
          </w:tcPr>
          <w:p w14:paraId="0786DC3E" w14:textId="77777777" w:rsidR="00F5564D" w:rsidRPr="00DC5617" w:rsidRDefault="002370F5" w:rsidP="00072975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8688397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3419164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34191643"/>
              </w:sdtContent>
            </w:sdt>
            <w:r w:rsidR="000717C1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E64447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>長者度假中心</w:t>
            </w:r>
          </w:p>
        </w:tc>
        <w:tc>
          <w:tcPr>
            <w:tcW w:w="3261" w:type="dxa"/>
          </w:tcPr>
          <w:p w14:paraId="1C0157D6" w14:textId="77777777" w:rsidR="00F5564D" w:rsidRPr="002E2AB3" w:rsidRDefault="00F5564D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</w:p>
        </w:tc>
      </w:tr>
    </w:tbl>
    <w:p w14:paraId="3691E7B2" w14:textId="77777777" w:rsidR="009A51C9" w:rsidRPr="008F19D4" w:rsidRDefault="009A51C9" w:rsidP="00F5564D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14:paraId="1DD04CDC" w14:textId="77777777" w:rsidR="00F5564D" w:rsidRPr="003E598F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color w:val="E36C0A"/>
          <w:sz w:val="28"/>
          <w:szCs w:val="28"/>
        </w:rPr>
      </w:pP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第二部份</w:t>
      </w:r>
      <w:r w:rsidR="000717C1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-</w:t>
      </w:r>
      <w:r w:rsidR="008C0DE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r w:rsidR="0058703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長者服務單位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聯絡人</w:t>
      </w:r>
    </w:p>
    <w:p w14:paraId="202A3923" w14:textId="77777777" w:rsidR="00667677" w:rsidRPr="003371CD" w:rsidRDefault="00667677" w:rsidP="00667677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3371CD">
        <w:rPr>
          <w:rFonts w:ascii="微軟正黑體" w:eastAsia="微軟正黑體" w:hAnsi="微軟正黑體" w:hint="eastAsia"/>
          <w:b/>
          <w:szCs w:val="24"/>
        </w:rPr>
        <w:t>聯絡人</w:t>
      </w:r>
      <w:r w:rsidR="00503D11">
        <w:rPr>
          <w:rFonts w:ascii="微軟正黑體" w:eastAsia="微軟正黑體" w:hAnsi="微軟正黑體" w:hint="eastAsia"/>
          <w:b/>
          <w:szCs w:val="24"/>
        </w:rPr>
        <w:t xml:space="preserve"> </w:t>
      </w:r>
    </w:p>
    <w:tbl>
      <w:tblPr>
        <w:tblW w:w="9866" w:type="dxa"/>
        <w:tblLook w:val="04A0" w:firstRow="1" w:lastRow="0" w:firstColumn="1" w:lastColumn="0" w:noHBand="0" w:noVBand="1"/>
      </w:tblPr>
      <w:tblGrid>
        <w:gridCol w:w="1384"/>
        <w:gridCol w:w="142"/>
        <w:gridCol w:w="850"/>
        <w:gridCol w:w="219"/>
        <w:gridCol w:w="1212"/>
        <w:gridCol w:w="979"/>
        <w:gridCol w:w="233"/>
        <w:gridCol w:w="1211"/>
        <w:gridCol w:w="257"/>
        <w:gridCol w:w="955"/>
        <w:gridCol w:w="1212"/>
        <w:gridCol w:w="1212"/>
      </w:tblGrid>
      <w:tr w:rsidR="00667677" w:rsidRPr="003371CD" w14:paraId="090EE4A5" w14:textId="77777777" w:rsidTr="00667677">
        <w:trPr>
          <w:cantSplit/>
        </w:trPr>
        <w:tc>
          <w:tcPr>
            <w:tcW w:w="1384" w:type="dxa"/>
            <w:vAlign w:val="bottom"/>
          </w:tcPr>
          <w:p w14:paraId="6CC91A87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稱呼</w:t>
            </w:r>
          </w:p>
        </w:tc>
        <w:tc>
          <w:tcPr>
            <w:tcW w:w="1211" w:type="dxa"/>
            <w:gridSpan w:val="3"/>
            <w:vAlign w:val="bottom"/>
          </w:tcPr>
          <w:p w14:paraId="7AF29B06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36666872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9385196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93851962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先生</w:t>
            </w:r>
          </w:p>
        </w:tc>
        <w:tc>
          <w:tcPr>
            <w:tcW w:w="1212" w:type="dxa"/>
            <w:vAlign w:val="bottom"/>
          </w:tcPr>
          <w:p w14:paraId="531C8FFC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51723260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0310740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03107404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女士</w:t>
            </w:r>
          </w:p>
        </w:tc>
        <w:tc>
          <w:tcPr>
            <w:tcW w:w="1212" w:type="dxa"/>
            <w:gridSpan w:val="2"/>
            <w:vAlign w:val="bottom"/>
          </w:tcPr>
          <w:p w14:paraId="6AAE4ED5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51233959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818310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8183100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小姐</w:t>
            </w:r>
          </w:p>
        </w:tc>
        <w:tc>
          <w:tcPr>
            <w:tcW w:w="1211" w:type="dxa"/>
            <w:vAlign w:val="bottom"/>
          </w:tcPr>
          <w:p w14:paraId="61C3B96C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660417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1327978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13279787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太太</w:t>
            </w:r>
          </w:p>
        </w:tc>
        <w:tc>
          <w:tcPr>
            <w:tcW w:w="1212" w:type="dxa"/>
            <w:gridSpan w:val="2"/>
            <w:vAlign w:val="bottom"/>
          </w:tcPr>
          <w:p w14:paraId="42DA5374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4565338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1463522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14635228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博士</w:t>
            </w:r>
          </w:p>
        </w:tc>
        <w:tc>
          <w:tcPr>
            <w:tcW w:w="1212" w:type="dxa"/>
            <w:vAlign w:val="bottom"/>
          </w:tcPr>
          <w:p w14:paraId="514C4A4B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00262713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9195803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91958038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教授</w:t>
            </w:r>
          </w:p>
        </w:tc>
        <w:tc>
          <w:tcPr>
            <w:tcW w:w="1212" w:type="dxa"/>
            <w:vAlign w:val="bottom"/>
          </w:tcPr>
          <w:p w14:paraId="526770CE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14:paraId="4070DB63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48F0A339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879908747" w:edGrp="everyone" w:colFirst="3" w:colLast="3"/>
            <w:permStart w:id="1079977824" w:edGrp="everyone" w:colFirst="1" w:colLast="1"/>
            <w:r w:rsidRPr="003371CD">
              <w:rPr>
                <w:rFonts w:ascii="微軟正黑體" w:eastAsia="微軟正黑體" w:hAnsi="微軟正黑體" w:hint="eastAsia"/>
                <w:szCs w:val="24"/>
              </w:rPr>
              <w:t>姓名</w:t>
            </w:r>
            <w:r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中文</w:t>
            </w:r>
            <w:r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10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7CBEED82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177AC061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姓名</w:t>
            </w:r>
            <w:r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英文</w:t>
            </w:r>
            <w:r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337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6E36661F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14:paraId="66CBD07C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03C0F3A0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947994235" w:edGrp="everyone" w:colFirst="3" w:colLast="3"/>
            <w:permStart w:id="1867939594" w:edGrp="everyone" w:colFirst="1" w:colLast="1"/>
            <w:permEnd w:id="879908747"/>
            <w:permEnd w:id="1079977824"/>
            <w:r w:rsidRPr="003371CD">
              <w:rPr>
                <w:rFonts w:ascii="微軟正黑體" w:eastAsia="微軟正黑體" w:hAnsi="微軟正黑體" w:hint="eastAsia"/>
                <w:szCs w:val="24"/>
              </w:rPr>
              <w:t>職稱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38645DC7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02CE110E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37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135E58C4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14:paraId="7E01A7A6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22AFA1C0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458966510" w:edGrp="everyone" w:colFirst="3" w:colLast="3"/>
            <w:permStart w:id="1674795329" w:edGrp="everyone" w:colFirst="1" w:colLast="1"/>
            <w:permEnd w:id="947994235"/>
            <w:permEnd w:id="1867939594"/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62EBF9A1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419BD81F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傳真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0C6C2CD5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14:paraId="7442687C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76F2E46A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2144162370" w:edGrp="everyone" w:colFirst="3" w:colLast="3"/>
            <w:permStart w:id="582170788" w:edGrp="everyone" w:colFirst="1" w:colLast="1"/>
            <w:permEnd w:id="1458966510"/>
            <w:permEnd w:id="1674795329"/>
            <w:r w:rsidRPr="003371CD">
              <w:rPr>
                <w:rFonts w:ascii="微軟正黑體" w:eastAsia="微軟正黑體" w:hAnsi="微軟正黑體" w:hint="eastAsia"/>
                <w:szCs w:val="24"/>
              </w:rPr>
              <w:t>秘書姓名</w:t>
            </w:r>
            <w:r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如適用</w:t>
            </w:r>
            <w:r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709E88E4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50580806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508C98E9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14:paraId="7701C152" w14:textId="77777777" w:rsidTr="00410F76">
        <w:trPr>
          <w:cantSplit/>
        </w:trPr>
        <w:tc>
          <w:tcPr>
            <w:tcW w:w="2376" w:type="dxa"/>
            <w:gridSpan w:val="3"/>
            <w:vAlign w:val="bottom"/>
          </w:tcPr>
          <w:p w14:paraId="779F8E76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404790258" w:edGrp="everyone" w:colFirst="3" w:colLast="3"/>
            <w:permEnd w:id="2144162370"/>
            <w:permEnd w:id="582170788"/>
          </w:p>
        </w:tc>
        <w:tc>
          <w:tcPr>
            <w:tcW w:w="2410" w:type="dxa"/>
            <w:gridSpan w:val="3"/>
            <w:tcBorders>
              <w:top w:val="single" w:sz="4" w:space="0" w:color="auto"/>
            </w:tcBorders>
            <w:vAlign w:val="bottom"/>
          </w:tcPr>
          <w:p w14:paraId="7818863E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14:paraId="50EAEA75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44F69B9A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314AEC" w:rsidRPr="003371CD" w14:paraId="06405B63" w14:textId="77777777" w:rsidTr="00410F76">
        <w:trPr>
          <w:cantSplit/>
        </w:trPr>
        <w:tc>
          <w:tcPr>
            <w:tcW w:w="1526" w:type="dxa"/>
            <w:gridSpan w:val="2"/>
            <w:vAlign w:val="bottom"/>
          </w:tcPr>
          <w:p w14:paraId="0A6E5464" w14:textId="77777777" w:rsidR="00314AEC" w:rsidRPr="003371CD" w:rsidRDefault="00314AEC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823288816" w:edGrp="everyone" w:colFirst="1" w:colLast="1"/>
            <w:permEnd w:id="1404790258"/>
            <w:r w:rsidRPr="003371CD">
              <w:rPr>
                <w:rFonts w:ascii="微軟正黑體" w:eastAsia="微軟正黑體" w:hAnsi="微軟正黑體" w:hint="eastAsia"/>
                <w:szCs w:val="24"/>
              </w:rPr>
              <w:t>通訊地址</w:t>
            </w:r>
          </w:p>
        </w:tc>
        <w:tc>
          <w:tcPr>
            <w:tcW w:w="8340" w:type="dxa"/>
            <w:gridSpan w:val="10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5F07D11E" w14:textId="77777777" w:rsidR="00314AEC" w:rsidRPr="003371CD" w:rsidRDefault="00314AEC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823288816"/>
      <w:tr w:rsidR="00314AEC" w:rsidRPr="003371CD" w14:paraId="41508A3C" w14:textId="77777777" w:rsidTr="00410F76">
        <w:trPr>
          <w:cantSplit/>
        </w:trPr>
        <w:tc>
          <w:tcPr>
            <w:tcW w:w="1526" w:type="dxa"/>
            <w:gridSpan w:val="2"/>
            <w:vAlign w:val="bottom"/>
          </w:tcPr>
          <w:p w14:paraId="43D6B1D6" w14:textId="77777777" w:rsidR="00314AEC" w:rsidRPr="003371CD" w:rsidRDefault="00314AEC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8340" w:type="dxa"/>
            <w:gridSpan w:val="10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17DBC151" w14:textId="77777777" w:rsidR="00314AEC" w:rsidRPr="003371CD" w:rsidRDefault="00314AEC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</w:tbl>
    <w:p w14:paraId="0E090022" w14:textId="77777777" w:rsidR="00152E0B" w:rsidRDefault="007C1C13" w:rsidP="00F5564D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  <w:r>
        <w:rPr>
          <w:rFonts w:ascii="微軟正黑體" w:eastAsia="微軟正黑體" w:hAnsi="微軟正黑體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7728" behindDoc="1" locked="0" layoutInCell="1" allowOverlap="1" wp14:anchorId="7865CC34" wp14:editId="07777777">
                <wp:simplePos x="0" y="0"/>
                <wp:positionH relativeFrom="column">
                  <wp:posOffset>4156075</wp:posOffset>
                </wp:positionH>
                <wp:positionV relativeFrom="paragraph">
                  <wp:posOffset>111125</wp:posOffset>
                </wp:positionV>
                <wp:extent cx="1666875" cy="1075055"/>
                <wp:effectExtent l="19050" t="19050" r="28575" b="10795"/>
                <wp:wrapTight wrapText="bothSides">
                  <wp:wrapPolygon edited="0">
                    <wp:start x="-247" y="-383"/>
                    <wp:lineTo x="-247" y="21434"/>
                    <wp:lineTo x="21723" y="21434"/>
                    <wp:lineTo x="21723" y="-383"/>
                    <wp:lineTo x="-247" y="-383"/>
                  </wp:wrapPolygon>
                </wp:wrapTight>
                <wp:docPr id="19" name="Text Box 5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666875" cy="107505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285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C6C9929" w14:textId="77777777" w:rsidR="00907F97" w:rsidRDefault="00907F97" w:rsidP="007D5BA9">
                            <w:pPr>
                              <w:jc w:val="center"/>
                              <w:rPr>
                                <w:rFonts w:ascii="微軟正黑體" w:eastAsia="微軟正黑體" w:hAnsi="微軟正黑體"/>
                                <w:b/>
                                <w:color w:val="E36C0A"/>
                                <w:sz w:val="28"/>
                                <w:szCs w:val="16"/>
                              </w:rPr>
                            </w:pPr>
                            <w:r w:rsidRPr="00410F76">
                              <w:rPr>
                                <w:rFonts w:ascii="微軟正黑體" w:eastAsia="微軟正黑體" w:hAnsi="微軟正黑體" w:hint="eastAsia"/>
                                <w:b/>
                                <w:color w:val="E36C0A"/>
                                <w:sz w:val="28"/>
                                <w:szCs w:val="16"/>
                              </w:rPr>
                              <w:t>長者服務單位</w:t>
                            </w:r>
                            <w:r w:rsidRPr="00410F76">
                              <w:rPr>
                                <w:rFonts w:ascii="微軟正黑體" w:eastAsia="微軟正黑體" w:hAnsi="微軟正黑體"/>
                                <w:b/>
                                <w:color w:val="E36C0A"/>
                                <w:sz w:val="28"/>
                                <w:szCs w:val="16"/>
                              </w:rPr>
                              <w:t>蓋印</w:t>
                            </w:r>
                          </w:p>
                          <w:p w14:paraId="6F8BD81B" w14:textId="77777777" w:rsidR="00907F97" w:rsidRPr="000717C1" w:rsidRDefault="00907F97" w:rsidP="007D5BA9">
                            <w:pPr>
                              <w:jc w:val="center"/>
                              <w:rPr>
                                <w:rFonts w:ascii="微軟正黑體" w:eastAsia="微軟正黑體" w:hAnsi="微軟正黑體"/>
                                <w:b/>
                                <w:color w:val="31849B"/>
                                <w:szCs w:val="20"/>
                              </w:rPr>
                            </w:pPr>
                            <w:permStart w:id="798567614" w:edGrp="everyone"/>
                            <w:permEnd w:id="798567614"/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7865CC34" id="Text Box 53" o:spid="_x0000_s1027" type="#_x0000_t202" style="position:absolute;margin-left:327.25pt;margin-top:8.75pt;width:131.25pt;height:84.65pt;z-index:-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" strokeweight="2.25pt">
                <v:textbox>
                  <w:txbxContent>
                    <w:p w14:paraId="3C6C9929" w14:textId="77777777" w:rsidR="00907F97" w:rsidRDefault="00907F97" w:rsidP="007D5BA9">
                      <w:pPr>
                        <w:jc w:val="center"/>
                        <w:rPr>
                          <w:rFonts w:ascii="微軟正黑體" w:eastAsia="微軟正黑體" w:hAnsi="微軟正黑體"/>
                          <w:b/>
                          <w:color w:val="E36C0A"/>
                          <w:sz w:val="28"/>
                          <w:szCs w:val="16"/>
                        </w:rPr>
                      </w:pPr>
                      <w:r w:rsidRPr="00410F76">
                        <w:rPr>
                          <w:rFonts w:ascii="微軟正黑體" w:eastAsia="微軟正黑體" w:hAnsi="微軟正黑體" w:hint="eastAsia"/>
                          <w:b/>
                          <w:color w:val="E36C0A"/>
                          <w:sz w:val="28"/>
                          <w:szCs w:val="16"/>
                        </w:rPr>
                        <w:t>長者服務單位</w:t>
                      </w:r>
                      <w:r w:rsidRPr="00410F76">
                        <w:rPr>
                          <w:rFonts w:ascii="微軟正黑體" w:eastAsia="微軟正黑體" w:hAnsi="微軟正黑體"/>
                          <w:b/>
                          <w:color w:val="E36C0A"/>
                          <w:sz w:val="28"/>
                          <w:szCs w:val="16"/>
                        </w:rPr>
                        <w:t>蓋印</w:t>
                      </w:r>
                    </w:p>
                    <w:p w14:paraId="6F8BD81B" w14:textId="77777777" w:rsidR="00907F97" w:rsidRPr="000717C1" w:rsidRDefault="00907F97" w:rsidP="007D5BA9">
                      <w:pPr>
                        <w:jc w:val="center"/>
                        <w:rPr>
                          <w:rFonts w:ascii="微軟正黑體" w:eastAsia="微軟正黑體" w:hAnsi="微軟正黑體"/>
                          <w:b/>
                          <w:color w:val="31849B"/>
                          <w:szCs w:val="20"/>
                        </w:rPr>
                      </w:pPr>
                      <w:permStart w:id="798567614" w:edGrp="everyone"/>
                      <w:permEnd w:id="798567614"/>
                    </w:p>
                  </w:txbxContent>
                </v:textbox>
                <w10:wrap type="tight"/>
              </v:shape>
            </w:pict>
          </mc:Fallback>
        </mc:AlternateContent>
      </w:r>
    </w:p>
    <w:p w14:paraId="1037B8A3" w14:textId="77777777" w:rsidR="00314AEC" w:rsidRDefault="00314AEC" w:rsidP="00314AEC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14:paraId="687C6DE0" w14:textId="77777777" w:rsidR="000717C1" w:rsidRDefault="000717C1" w:rsidP="00314AEC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14:paraId="5B2F9378" w14:textId="77777777" w:rsidR="000717C1" w:rsidRDefault="000717C1" w:rsidP="00314AEC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14:paraId="58E6DD4E" w14:textId="77777777" w:rsidR="003E598F" w:rsidRDefault="003E598F" w:rsidP="007926FD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14:paraId="3B88899E" w14:textId="77777777" w:rsidR="002552FA" w:rsidRDefault="002552FA" w:rsidP="007926FD">
      <w:pPr>
        <w:adjustRightInd w:val="0"/>
        <w:snapToGrid w:val="0"/>
        <w:rPr>
          <w:rFonts w:ascii="微軟正黑體" w:eastAsia="微軟正黑體" w:hAnsi="微軟正黑體"/>
          <w:b/>
          <w:szCs w:val="20"/>
        </w:rPr>
      </w:pPr>
    </w:p>
    <w:p w14:paraId="5D0079E5" w14:textId="77777777" w:rsidR="00646FA0" w:rsidRDefault="00646FA0" w:rsidP="007926FD">
      <w:pPr>
        <w:adjustRightInd w:val="0"/>
        <w:snapToGrid w:val="0"/>
        <w:rPr>
          <w:rFonts w:ascii="微軟正黑體" w:eastAsia="微軟正黑體" w:hAnsi="微軟正黑體"/>
          <w:b/>
          <w:szCs w:val="20"/>
        </w:rPr>
      </w:pPr>
      <w:r w:rsidRPr="003F4C7D">
        <w:rPr>
          <w:rFonts w:ascii="微軟正黑體" w:eastAsia="微軟正黑體" w:hAnsi="微軟正黑體" w:hint="eastAsia"/>
          <w:b/>
          <w:szCs w:val="20"/>
        </w:rPr>
        <w:t>如提名由長者提出，請</w:t>
      </w:r>
      <w:r w:rsidRPr="00587032">
        <w:rPr>
          <w:rFonts w:ascii="微軟正黑體" w:eastAsia="微軟正黑體" w:hAnsi="微軟正黑體" w:hint="eastAsia"/>
          <w:b/>
          <w:szCs w:val="20"/>
        </w:rPr>
        <w:t>長者服務單位</w:t>
      </w:r>
      <w:r w:rsidRPr="00646FA0">
        <w:rPr>
          <w:rFonts w:ascii="微軟正黑體" w:eastAsia="微軟正黑體" w:hAnsi="微軟正黑體" w:hint="eastAsia"/>
          <w:b/>
          <w:szCs w:val="20"/>
        </w:rPr>
        <w:t>填寫</w:t>
      </w:r>
      <w:r w:rsidRPr="003F4C7D">
        <w:rPr>
          <w:rFonts w:ascii="微軟正黑體" w:eastAsia="微軟正黑體" w:hAnsi="微軟正黑體" w:hint="eastAsia"/>
          <w:b/>
          <w:szCs w:val="20"/>
        </w:rPr>
        <w:t>長者</w:t>
      </w:r>
      <w:r w:rsidRPr="00646FA0">
        <w:rPr>
          <w:rFonts w:ascii="微軟正黑體" w:eastAsia="微軟正黑體" w:hAnsi="微軟正黑體" w:hint="eastAsia"/>
          <w:b/>
          <w:szCs w:val="20"/>
        </w:rPr>
        <w:t>資料</w:t>
      </w:r>
      <w:r w:rsidRPr="003F4C7D">
        <w:rPr>
          <w:rFonts w:ascii="微軟正黑體" w:eastAsia="微軟正黑體" w:hAnsi="微軟正黑體" w:hint="eastAsia"/>
          <w:b/>
          <w:szCs w:val="20"/>
        </w:rPr>
        <w:t>。</w:t>
      </w:r>
    </w:p>
    <w:p w14:paraId="69E2BB2B" w14:textId="77777777" w:rsidR="000717C1" w:rsidRPr="000717C1" w:rsidRDefault="000717C1" w:rsidP="007926FD">
      <w:pPr>
        <w:adjustRightInd w:val="0"/>
        <w:snapToGrid w:val="0"/>
        <w:rPr>
          <w:rFonts w:ascii="微軟正黑體" w:eastAsia="微軟正黑體" w:hAnsi="微軟正黑體"/>
          <w:b/>
          <w:szCs w:val="20"/>
        </w:rPr>
      </w:pPr>
    </w:p>
    <w:p w14:paraId="15F3AFBF" w14:textId="77777777" w:rsidR="00DD63C3" w:rsidRPr="003E598F" w:rsidRDefault="00DD63C3" w:rsidP="007926FD">
      <w:pPr>
        <w:adjustRightInd w:val="0"/>
        <w:snapToGrid w:val="0"/>
        <w:rPr>
          <w:rFonts w:ascii="微軟正黑體" w:eastAsia="微軟正黑體" w:hAnsi="微軟正黑體"/>
          <w:b/>
          <w:color w:val="E36C0A"/>
          <w:sz w:val="28"/>
          <w:szCs w:val="28"/>
        </w:rPr>
      </w:pP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第三部份</w:t>
      </w:r>
      <w:r w:rsidR="000717C1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proofErr w:type="gramStart"/>
      <w:r w:rsidR="009A51C9" w:rsidRPr="003E598F">
        <w:rPr>
          <w:rFonts w:ascii="微軟正黑體" w:eastAsia="微軟正黑體" w:hAnsi="微軟正黑體"/>
          <w:b/>
          <w:color w:val="E36C0A"/>
          <w:sz w:val="28"/>
          <w:szCs w:val="28"/>
        </w:rPr>
        <w:t>–</w:t>
      </w:r>
      <w:proofErr w:type="gramEnd"/>
      <w:r w:rsidR="0058703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長者資料</w:t>
      </w:r>
      <w:r w:rsidR="0092202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</w:p>
    <w:tbl>
      <w:tblPr>
        <w:tblW w:w="9866" w:type="dxa"/>
        <w:tblLook w:val="04A0" w:firstRow="1" w:lastRow="0" w:firstColumn="1" w:lastColumn="0" w:noHBand="0" w:noVBand="1"/>
      </w:tblPr>
      <w:tblGrid>
        <w:gridCol w:w="1384"/>
        <w:gridCol w:w="990"/>
        <w:gridCol w:w="221"/>
        <w:gridCol w:w="1212"/>
        <w:gridCol w:w="976"/>
        <w:gridCol w:w="236"/>
        <w:gridCol w:w="1211"/>
        <w:gridCol w:w="395"/>
        <w:gridCol w:w="817"/>
        <w:gridCol w:w="1212"/>
        <w:gridCol w:w="1212"/>
      </w:tblGrid>
      <w:tr w:rsidR="00667677" w:rsidRPr="003371CD" w14:paraId="0C8425BB" w14:textId="77777777" w:rsidTr="00E13A21">
        <w:trPr>
          <w:cantSplit/>
        </w:trPr>
        <w:tc>
          <w:tcPr>
            <w:tcW w:w="1384" w:type="dxa"/>
            <w:vAlign w:val="bottom"/>
          </w:tcPr>
          <w:p w14:paraId="57E6DD6B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稱呼</w:t>
            </w:r>
          </w:p>
        </w:tc>
        <w:tc>
          <w:tcPr>
            <w:tcW w:w="1211" w:type="dxa"/>
            <w:gridSpan w:val="2"/>
            <w:vAlign w:val="bottom"/>
          </w:tcPr>
          <w:p w14:paraId="3DB9B0E8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05749633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020650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0206504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先生</w:t>
            </w:r>
          </w:p>
        </w:tc>
        <w:tc>
          <w:tcPr>
            <w:tcW w:w="1212" w:type="dxa"/>
            <w:vAlign w:val="bottom"/>
          </w:tcPr>
          <w:p w14:paraId="646DA95E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61844152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8019631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80196319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女士</w:t>
            </w:r>
          </w:p>
        </w:tc>
        <w:tc>
          <w:tcPr>
            <w:tcW w:w="1212" w:type="dxa"/>
            <w:gridSpan w:val="2"/>
            <w:vAlign w:val="bottom"/>
          </w:tcPr>
          <w:p w14:paraId="54F966BC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2283096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7773635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77736353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小姐</w:t>
            </w:r>
          </w:p>
        </w:tc>
        <w:tc>
          <w:tcPr>
            <w:tcW w:w="1211" w:type="dxa"/>
            <w:vAlign w:val="bottom"/>
          </w:tcPr>
          <w:p w14:paraId="4B4A65B6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13752347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34571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345710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太太</w:t>
            </w:r>
          </w:p>
        </w:tc>
        <w:tc>
          <w:tcPr>
            <w:tcW w:w="1212" w:type="dxa"/>
            <w:gridSpan w:val="2"/>
            <w:vAlign w:val="bottom"/>
          </w:tcPr>
          <w:p w14:paraId="0CFA906E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5179505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3771091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37710919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博士</w:t>
            </w:r>
          </w:p>
        </w:tc>
        <w:tc>
          <w:tcPr>
            <w:tcW w:w="1212" w:type="dxa"/>
            <w:vAlign w:val="bottom"/>
          </w:tcPr>
          <w:p w14:paraId="4D7426CC" w14:textId="77777777" w:rsidR="00667677" w:rsidRPr="003371CD" w:rsidRDefault="002370F5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30562704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8705647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87056478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教授</w:t>
            </w:r>
          </w:p>
        </w:tc>
        <w:tc>
          <w:tcPr>
            <w:tcW w:w="1212" w:type="dxa"/>
            <w:vAlign w:val="bottom"/>
          </w:tcPr>
          <w:p w14:paraId="57C0D796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14:paraId="6D3AE2CA" w14:textId="77777777" w:rsidTr="00410F76">
        <w:trPr>
          <w:cantSplit/>
        </w:trPr>
        <w:tc>
          <w:tcPr>
            <w:tcW w:w="2374" w:type="dxa"/>
            <w:gridSpan w:val="2"/>
            <w:vAlign w:val="bottom"/>
          </w:tcPr>
          <w:p w14:paraId="75BF4B29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553876625" w:edGrp="everyone" w:colFirst="3" w:colLast="3"/>
            <w:permStart w:id="287796274" w:edGrp="everyone" w:colFirst="1" w:colLast="1"/>
            <w:r w:rsidRPr="003371CD">
              <w:rPr>
                <w:rFonts w:ascii="微軟正黑體" w:eastAsia="微軟正黑體" w:hAnsi="微軟正黑體" w:hint="eastAsia"/>
                <w:szCs w:val="24"/>
              </w:rPr>
              <w:t>姓名</w:t>
            </w:r>
            <w:r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中文</w:t>
            </w:r>
            <w:r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0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0D142F6F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842" w:type="dxa"/>
            <w:gridSpan w:val="3"/>
            <w:vAlign w:val="bottom"/>
          </w:tcPr>
          <w:p w14:paraId="77494DA8" w14:textId="77777777" w:rsidR="00667677" w:rsidRPr="003371CD" w:rsidRDefault="009A51C9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667677" w:rsidDel="009A51C9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667677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>英文</w:t>
            </w:r>
            <w:r w:rsidR="00667677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3241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4475AD14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14:paraId="0534A9F6" w14:textId="77777777" w:rsidTr="00410F76">
        <w:trPr>
          <w:cantSplit/>
        </w:trPr>
        <w:tc>
          <w:tcPr>
            <w:tcW w:w="2374" w:type="dxa"/>
            <w:gridSpan w:val="2"/>
            <w:vAlign w:val="bottom"/>
          </w:tcPr>
          <w:p w14:paraId="5CDD0CC5" w14:textId="77777777" w:rsidR="00667677" w:rsidRPr="003371CD" w:rsidRDefault="00571EFA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922248219" w:edGrp="everyone" w:colFirst="3" w:colLast="3"/>
            <w:permStart w:id="945833199" w:edGrp="everyone" w:colFirst="1" w:colLast="1"/>
            <w:permEnd w:id="1553876625"/>
            <w:permEnd w:id="287796274"/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240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120C4E94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842" w:type="dxa"/>
            <w:gridSpan w:val="3"/>
            <w:vAlign w:val="bottom"/>
          </w:tcPr>
          <w:p w14:paraId="70D5C24C" w14:textId="77777777" w:rsidR="00667677" w:rsidRPr="003371CD" w:rsidRDefault="00A6074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241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42AFC42D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14:paraId="25E3FDE7" w14:textId="77777777" w:rsidTr="00410F76">
        <w:trPr>
          <w:cantSplit/>
        </w:trPr>
        <w:tc>
          <w:tcPr>
            <w:tcW w:w="2374" w:type="dxa"/>
            <w:gridSpan w:val="2"/>
            <w:vAlign w:val="bottom"/>
          </w:tcPr>
          <w:p w14:paraId="0B9DFA5C" w14:textId="77777777" w:rsidR="00667677" w:rsidRPr="003371CD" w:rsidRDefault="00571EFA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580037713" w:edGrp="everyone" w:colFirst="1" w:colLast="1"/>
            <w:permEnd w:id="1922248219"/>
            <w:permEnd w:id="945833199"/>
            <w:r w:rsidRPr="003371CD">
              <w:rPr>
                <w:rFonts w:ascii="微軟正黑體" w:eastAsia="微軟正黑體" w:hAnsi="微軟正黑體" w:hint="eastAsia"/>
                <w:szCs w:val="24"/>
              </w:rPr>
              <w:t>傳真</w:t>
            </w:r>
          </w:p>
        </w:tc>
        <w:tc>
          <w:tcPr>
            <w:tcW w:w="240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14:paraId="271CA723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842" w:type="dxa"/>
            <w:gridSpan w:val="3"/>
            <w:vAlign w:val="bottom"/>
          </w:tcPr>
          <w:p w14:paraId="75FBE423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3241" w:type="dxa"/>
            <w:gridSpan w:val="3"/>
            <w:tcBorders>
              <w:top w:val="single" w:sz="4" w:space="0" w:color="auto"/>
            </w:tcBorders>
            <w:vAlign w:val="bottom"/>
          </w:tcPr>
          <w:p w14:paraId="2D3F0BEC" w14:textId="77777777"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1580037713"/>
    </w:tbl>
    <w:p w14:paraId="75CF4315" w14:textId="77777777" w:rsidR="003F4C7D" w:rsidRDefault="003F4C7D" w:rsidP="00646FA0">
      <w:pPr>
        <w:adjustRightInd w:val="0"/>
        <w:snapToGrid w:val="0"/>
        <w:spacing w:line="300" w:lineRule="auto"/>
        <w:rPr>
          <w:rFonts w:ascii="微軟正黑體" w:eastAsia="微軟正黑體" w:hAnsi="微軟正黑體"/>
        </w:rPr>
      </w:pPr>
    </w:p>
    <w:p w14:paraId="3CB648E9" w14:textId="77777777" w:rsidR="00152E0B" w:rsidRPr="00F50BFD" w:rsidRDefault="00152E0B" w:rsidP="00646FA0">
      <w:pPr>
        <w:adjustRightInd w:val="0"/>
        <w:snapToGrid w:val="0"/>
        <w:spacing w:line="300" w:lineRule="auto"/>
        <w:rPr>
          <w:rFonts w:ascii="微軟正黑體" w:eastAsia="微軟正黑體" w:hAnsi="微軟正黑體"/>
        </w:rPr>
      </w:pPr>
    </w:p>
    <w:sectPr w:rsidR="00152E0B" w:rsidRPr="00F50BFD" w:rsidSect="002552FA">
      <w:headerReference w:type="default" r:id="rId26"/>
      <w:footerReference w:type="default" r:id="rId27"/>
      <w:pgSz w:w="11906" w:h="16838"/>
      <w:pgMar w:top="1440" w:right="1077" w:bottom="1247" w:left="1077" w:header="454" w:footer="737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42113E3" w14:textId="77777777" w:rsidR="00744B77" w:rsidRDefault="00744B77" w:rsidP="00FF4828">
      <w:r>
        <w:separator/>
      </w:r>
    </w:p>
  </w:endnote>
  <w:endnote w:type="continuationSeparator" w:id="0">
    <w:p w14:paraId="38B5949E" w14:textId="77777777" w:rsidR="00744B77" w:rsidRDefault="00744B77" w:rsidP="00FF482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微軟正黑體">
    <w:panose1 w:val="020B0604030504040204"/>
    <w:charset w:val="88"/>
    <w:family w:val="swiss"/>
    <w:pitch w:val="variable"/>
    <w:sig w:usb0="000002A7" w:usb1="28CF4400" w:usb2="00000016" w:usb3="00000000" w:csb0="00100009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903CBC8" w14:textId="77777777" w:rsidR="00907F97" w:rsidRDefault="00907F97">
    <w:pPr>
      <w:pStyle w:val="a9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="00DC0F15" w:rsidRPr="00DC0F15">
      <w:rPr>
        <w:noProof/>
        <w:lang w:val="zh-HK"/>
      </w:rPr>
      <w:t>7</w:t>
    </w:r>
    <w:r>
      <w:rPr>
        <w:noProof/>
        <w:lang w:val="zh-HK"/>
      </w:rPr>
      <w:fldChar w:fldCharType="end"/>
    </w:r>
  </w:p>
  <w:p w14:paraId="269E314A" w14:textId="77777777" w:rsidR="00907F97" w:rsidRDefault="00907F97">
    <w:pPr>
      <w:pStyle w:val="a9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71FDAD2" w14:textId="77777777" w:rsidR="00907F97" w:rsidRDefault="00907F97">
    <w:pPr>
      <w:pStyle w:val="a9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="00DC0F15" w:rsidRPr="00DC0F15">
      <w:rPr>
        <w:noProof/>
        <w:lang w:val="zh-HK"/>
      </w:rPr>
      <w:t>15</w:t>
    </w:r>
    <w:r>
      <w:rPr>
        <w:noProof/>
        <w:lang w:val="zh-HK"/>
      </w:rPr>
      <w:fldChar w:fldCharType="end"/>
    </w:r>
  </w:p>
  <w:p w14:paraId="47341341" w14:textId="77777777" w:rsidR="00907F97" w:rsidRDefault="00907F97">
    <w:pPr>
      <w:pStyle w:val="a9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56FAA6CA" w14:textId="77777777" w:rsidR="00744B77" w:rsidRDefault="00744B77" w:rsidP="00FF4828">
      <w:r>
        <w:separator/>
      </w:r>
    </w:p>
  </w:footnote>
  <w:footnote w:type="continuationSeparator" w:id="0">
    <w:p w14:paraId="119A168C" w14:textId="77777777" w:rsidR="00744B77" w:rsidRDefault="00744B77" w:rsidP="00FF482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DCC1C4D" w14:textId="7E127E06" w:rsidR="00907F97" w:rsidRPr="00AE1CF9" w:rsidRDefault="00907F97" w:rsidP="1134D8C9">
    <w:pPr>
      <w:adjustRightInd w:val="0"/>
      <w:snapToGrid w:val="0"/>
      <w:spacing w:line="180" w:lineRule="auto"/>
      <w:ind w:right="107" w:firstLineChars="100" w:firstLine="240"/>
      <w:jc w:val="center"/>
      <w:rPr>
        <w:rFonts w:ascii="微軟正黑體" w:eastAsia="微軟正黑體" w:hAnsi="微軟正黑體"/>
      </w:rPr>
    </w:pPr>
    <w:r>
      <w:rPr>
        <w:noProof/>
      </w:rPr>
      <w:drawing>
        <wp:inline distT="0" distB="0" distL="0" distR="0" wp14:anchorId="5340FCDF" wp14:editId="79E37746">
          <wp:extent cx="680484" cy="513520"/>
          <wp:effectExtent l="0" t="0" r="5715" b="1270"/>
          <wp:docPr id="27" name="圖片 2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圖片 27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680484" cy="513520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 w:rsidRPr="1134D8C9">
      <w:rPr>
        <w:rFonts w:ascii="微軟正黑體" w:eastAsia="微軟正黑體" w:hAnsi="微軟正黑體"/>
      </w:rPr>
      <w:t xml:space="preserve">        2022長者友善措施致意行動                      </w:t>
    </w:r>
    <w:r>
      <w:rPr>
        <w:noProof/>
      </w:rPr>
      <w:drawing>
        <wp:inline distT="0" distB="0" distL="0" distR="0" wp14:anchorId="3BF10937" wp14:editId="0F0FDCA7">
          <wp:extent cx="494719" cy="648586"/>
          <wp:effectExtent l="0" t="0" r="635" b="0"/>
          <wp:docPr id="28" name="圖片 28" descr="C:\Users\s1000\AppData\Local\Microsoft\Windows\INetCache\Content.Word\長者友善社區logo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圖片 28"/>
                  <pic:cNvPicPr/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494719" cy="648586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CDB6203" w14:textId="45B982A7" w:rsidR="00907F97" w:rsidRDefault="00907F97">
    <w:pPr>
      <w:pStyle w:val="a7"/>
    </w:pPr>
  </w:p>
  <w:p w14:paraId="7119C925" w14:textId="3817E27D" w:rsidR="00907F97" w:rsidRPr="0095704A" w:rsidRDefault="00907F97" w:rsidP="0095704A">
    <w:pPr>
      <w:adjustRightInd w:val="0"/>
      <w:snapToGrid w:val="0"/>
      <w:spacing w:line="180" w:lineRule="auto"/>
      <w:ind w:right="107" w:firstLineChars="100" w:firstLine="240"/>
      <w:jc w:val="center"/>
      <w:rPr>
        <w:rFonts w:ascii="微軟正黑體" w:eastAsia="微軟正黑體" w:hAnsi="微軟正黑體"/>
        <w:szCs w:val="16"/>
      </w:rPr>
    </w:pPr>
    <w:r>
      <w:rPr>
        <w:rFonts w:ascii="微軟正黑體" w:eastAsia="微軟正黑體" w:hAnsi="微軟正黑體"/>
        <w:noProof/>
        <w:szCs w:val="16"/>
      </w:rPr>
      <w:drawing>
        <wp:inline distT="0" distB="0" distL="0" distR="0" wp14:anchorId="74002C38" wp14:editId="45AD4DBD">
          <wp:extent cx="680484" cy="513520"/>
          <wp:effectExtent l="0" t="0" r="5715" b="1270"/>
          <wp:docPr id="29" name="圖片 2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HKCSS_75th_logo.jp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677578" cy="511327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>
      <w:rPr>
        <w:rFonts w:ascii="微軟正黑體" w:eastAsia="微軟正黑體" w:hAnsi="微軟正黑體" w:hint="eastAsia"/>
        <w:szCs w:val="16"/>
      </w:rPr>
      <w:t xml:space="preserve">   </w:t>
    </w:r>
    <w:r w:rsidR="00101D7B">
      <w:rPr>
        <w:rFonts w:ascii="微軟正黑體" w:eastAsia="微軟正黑體" w:hAnsi="微軟正黑體"/>
        <w:szCs w:val="16"/>
      </w:rPr>
      <w:t xml:space="preserve">     </w:t>
    </w:r>
    <w:r>
      <w:rPr>
        <w:rFonts w:ascii="微軟正黑體" w:eastAsia="微軟正黑體" w:hAnsi="微軟正黑體" w:hint="eastAsia"/>
        <w:szCs w:val="16"/>
      </w:rPr>
      <w:t>2022</w:t>
    </w:r>
    <w:r w:rsidRPr="00D2601C">
      <w:rPr>
        <w:rFonts w:ascii="微軟正黑體" w:eastAsia="微軟正黑體" w:hAnsi="微軟正黑體" w:hint="eastAsia"/>
        <w:szCs w:val="16"/>
      </w:rPr>
      <w:t>長者友善措施致意行動</w:t>
    </w:r>
    <w:r>
      <w:rPr>
        <w:rFonts w:ascii="微軟正黑體" w:eastAsia="微軟正黑體" w:hAnsi="微軟正黑體" w:hint="eastAsia"/>
        <w:szCs w:val="16"/>
      </w:rPr>
      <w:t xml:space="preserve">                      </w:t>
    </w:r>
    <w:r>
      <w:rPr>
        <w:rFonts w:ascii="微軟正黑體" w:eastAsia="微軟正黑體" w:hAnsi="微軟正黑體" w:hint="eastAsia"/>
        <w:noProof/>
        <w:szCs w:val="16"/>
      </w:rPr>
      <w:drawing>
        <wp:inline distT="0" distB="0" distL="0" distR="0" wp14:anchorId="248C2CFE" wp14:editId="30A6E43E">
          <wp:extent cx="494719" cy="648586"/>
          <wp:effectExtent l="0" t="0" r="635" b="0"/>
          <wp:docPr id="30" name="圖片 30" descr="C:\Users\s1000\AppData\Local\Microsoft\Windows\INetCache\Content.Word\長者友善社區logo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8" descr="C:\Users\s1000\AppData\Local\Microsoft\Windows\INetCache\Content.Word\長者友善社區logo.jpg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14856" cy="674986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8444CF8"/>
    <w:multiLevelType w:val="hybridMultilevel"/>
    <w:tmpl w:val="21F05D06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" w15:restartNumberingAfterBreak="0">
    <w:nsid w:val="17CD472F"/>
    <w:multiLevelType w:val="hybridMultilevel"/>
    <w:tmpl w:val="3058FE28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" w15:restartNumberingAfterBreak="0">
    <w:nsid w:val="1E0720E0"/>
    <w:multiLevelType w:val="hybridMultilevel"/>
    <w:tmpl w:val="95F8F956"/>
    <w:lvl w:ilvl="0" w:tplc="6752162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3" w15:restartNumberingAfterBreak="0">
    <w:nsid w:val="1FAB15E7"/>
    <w:multiLevelType w:val="hybridMultilevel"/>
    <w:tmpl w:val="D4484498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4" w15:restartNumberingAfterBreak="0">
    <w:nsid w:val="217A6DF6"/>
    <w:multiLevelType w:val="hybridMultilevel"/>
    <w:tmpl w:val="A508C8F4"/>
    <w:lvl w:ilvl="0" w:tplc="0409000F">
      <w:start w:val="1"/>
      <w:numFmt w:val="decimal"/>
      <w:lvlText w:val="%1."/>
      <w:lvlJc w:val="left"/>
      <w:pPr>
        <w:ind w:left="480" w:hanging="480"/>
      </w:pPr>
      <w:rPr>
        <w:rFonts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5" w15:restartNumberingAfterBreak="0">
    <w:nsid w:val="24E81B43"/>
    <w:multiLevelType w:val="hybridMultilevel"/>
    <w:tmpl w:val="192871C4"/>
    <w:lvl w:ilvl="0" w:tplc="1ED2B4AE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6" w15:restartNumberingAfterBreak="0">
    <w:nsid w:val="2598039A"/>
    <w:multiLevelType w:val="hybridMultilevel"/>
    <w:tmpl w:val="B3347A58"/>
    <w:lvl w:ilvl="0" w:tplc="AD286B58">
      <w:start w:val="1"/>
      <w:numFmt w:val="bullet"/>
      <w:lvlText w:val="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7" w15:restartNumberingAfterBreak="0">
    <w:nsid w:val="26BA69E7"/>
    <w:multiLevelType w:val="hybridMultilevel"/>
    <w:tmpl w:val="11AA2610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8" w15:restartNumberingAfterBreak="0">
    <w:nsid w:val="2A28781B"/>
    <w:multiLevelType w:val="hybridMultilevel"/>
    <w:tmpl w:val="FC9C98F4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>
      <w:start w:val="1"/>
      <w:numFmt w:val="ideographTraditional"/>
      <w:lvlText w:val="%2、"/>
      <w:lvlJc w:val="left"/>
      <w:pPr>
        <w:ind w:left="960" w:hanging="480"/>
      </w:pPr>
    </w:lvl>
    <w:lvl w:ilvl="2" w:tplc="0409001B">
      <w:start w:val="1"/>
      <w:numFmt w:val="lowerRoman"/>
      <w:lvlText w:val="%3."/>
      <w:lvlJc w:val="right"/>
      <w:pPr>
        <w:ind w:left="1440" w:hanging="480"/>
      </w:pPr>
    </w:lvl>
    <w:lvl w:ilvl="3" w:tplc="0409000F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9" w15:restartNumberingAfterBreak="0">
    <w:nsid w:val="2BDF4303"/>
    <w:multiLevelType w:val="hybridMultilevel"/>
    <w:tmpl w:val="261ED6AE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0" w15:restartNumberingAfterBreak="0">
    <w:nsid w:val="2F0C2DFB"/>
    <w:multiLevelType w:val="hybridMultilevel"/>
    <w:tmpl w:val="528AE3FE"/>
    <w:lvl w:ilvl="0" w:tplc="788C2C56">
      <w:numFmt w:val="bullet"/>
      <w:lvlText w:val="○"/>
      <w:lvlJc w:val="left"/>
      <w:pPr>
        <w:ind w:left="360" w:hanging="360"/>
      </w:pPr>
      <w:rPr>
        <w:rFonts w:ascii="微軟正黑體" w:eastAsia="微軟正黑體" w:hAnsi="微軟正黑體" w:cs="Times New Roman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1" w15:restartNumberingAfterBreak="0">
    <w:nsid w:val="3417119A"/>
    <w:multiLevelType w:val="hybridMultilevel"/>
    <w:tmpl w:val="E2EE8050"/>
    <w:lvl w:ilvl="0" w:tplc="0409000F">
      <w:start w:val="1"/>
      <w:numFmt w:val="decimal"/>
      <w:lvlText w:val="%1."/>
      <w:lvlJc w:val="left"/>
      <w:pPr>
        <w:ind w:left="480" w:hanging="480"/>
      </w:pPr>
      <w:rPr>
        <w:rFonts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2" w15:restartNumberingAfterBreak="0">
    <w:nsid w:val="35EF5F2E"/>
    <w:multiLevelType w:val="hybridMultilevel"/>
    <w:tmpl w:val="819A5D0C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3" w15:restartNumberingAfterBreak="0">
    <w:nsid w:val="37190B30"/>
    <w:multiLevelType w:val="hybridMultilevel"/>
    <w:tmpl w:val="AE4E571C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4" w15:restartNumberingAfterBreak="0">
    <w:nsid w:val="38606C19"/>
    <w:multiLevelType w:val="hybridMultilevel"/>
    <w:tmpl w:val="B7BE61CE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5" w15:restartNumberingAfterBreak="0">
    <w:nsid w:val="38706555"/>
    <w:multiLevelType w:val="hybridMultilevel"/>
    <w:tmpl w:val="62E8BC00"/>
    <w:lvl w:ilvl="0" w:tplc="AD286B58">
      <w:start w:val="1"/>
      <w:numFmt w:val="bullet"/>
      <w:lvlText w:val="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6" w15:restartNumberingAfterBreak="0">
    <w:nsid w:val="3B531C0A"/>
    <w:multiLevelType w:val="hybridMultilevel"/>
    <w:tmpl w:val="C8C4BBD8"/>
    <w:lvl w:ilvl="0" w:tplc="0B0079DE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7" w15:restartNumberingAfterBreak="0">
    <w:nsid w:val="3C553C45"/>
    <w:multiLevelType w:val="hybridMultilevel"/>
    <w:tmpl w:val="ADE47DE4"/>
    <w:lvl w:ilvl="0" w:tplc="9D404A64">
      <w:start w:val="6"/>
      <w:numFmt w:val="bullet"/>
      <w:lvlText w:val="★"/>
      <w:lvlJc w:val="left"/>
      <w:pPr>
        <w:ind w:left="360" w:hanging="360"/>
      </w:pPr>
      <w:rPr>
        <w:rFonts w:ascii="微軟正黑體" w:eastAsia="微軟正黑體" w:hAnsi="微軟正黑體" w:cs="Times New Roman" w:hint="eastAsia"/>
      </w:rPr>
    </w:lvl>
    <w:lvl w:ilvl="1" w:tplc="23ACBFEA">
      <w:start w:val="6"/>
      <w:numFmt w:val="bullet"/>
      <w:lvlText w:val=""/>
      <w:lvlJc w:val="left"/>
      <w:pPr>
        <w:ind w:left="840" w:hanging="360"/>
      </w:pPr>
      <w:rPr>
        <w:rFonts w:ascii="Wingdings" w:eastAsia="微軟正黑體" w:hAnsi="Wingdings" w:cs="Times New Roman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8" w15:restartNumberingAfterBreak="0">
    <w:nsid w:val="41E06D49"/>
    <w:multiLevelType w:val="hybridMultilevel"/>
    <w:tmpl w:val="39FA8170"/>
    <w:lvl w:ilvl="0" w:tplc="F8F6B0A4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9" w15:restartNumberingAfterBreak="0">
    <w:nsid w:val="42F03DDB"/>
    <w:multiLevelType w:val="hybridMultilevel"/>
    <w:tmpl w:val="595CB30E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0" w15:restartNumberingAfterBreak="0">
    <w:nsid w:val="44CC02E5"/>
    <w:multiLevelType w:val="hybridMultilevel"/>
    <w:tmpl w:val="4D86A5B0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1" w15:restartNumberingAfterBreak="0">
    <w:nsid w:val="4A3508F2"/>
    <w:multiLevelType w:val="hybridMultilevel"/>
    <w:tmpl w:val="A9908E12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2" w15:restartNumberingAfterBreak="0">
    <w:nsid w:val="4ECA5F3C"/>
    <w:multiLevelType w:val="hybridMultilevel"/>
    <w:tmpl w:val="7A5208F8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3" w15:restartNumberingAfterBreak="0">
    <w:nsid w:val="529F6A4E"/>
    <w:multiLevelType w:val="hybridMultilevel"/>
    <w:tmpl w:val="6226C6E2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4" w15:restartNumberingAfterBreak="0">
    <w:nsid w:val="552114CE"/>
    <w:multiLevelType w:val="multilevel"/>
    <w:tmpl w:val="0409001F"/>
    <w:lvl w:ilvl="0">
      <w:start w:val="1"/>
      <w:numFmt w:val="decimal"/>
      <w:lvlText w:val="%1."/>
      <w:lvlJc w:val="left"/>
      <w:pPr>
        <w:ind w:left="425" w:hanging="425"/>
      </w:pPr>
    </w:lvl>
    <w:lvl w:ilvl="1">
      <w:start w:val="1"/>
      <w:numFmt w:val="decimal"/>
      <w:lvlText w:val="%1.%2."/>
      <w:lvlJc w:val="left"/>
      <w:pPr>
        <w:ind w:left="567" w:hanging="567"/>
      </w:pPr>
    </w:lvl>
    <w:lvl w:ilvl="2">
      <w:start w:val="1"/>
      <w:numFmt w:val="decimal"/>
      <w:lvlText w:val="%1.%2.%3."/>
      <w:lvlJc w:val="left"/>
      <w:pPr>
        <w:ind w:left="709" w:hanging="709"/>
      </w:pPr>
    </w:lvl>
    <w:lvl w:ilvl="3">
      <w:start w:val="1"/>
      <w:numFmt w:val="decimal"/>
      <w:lvlText w:val="%1.%2.%3.%4."/>
      <w:lvlJc w:val="left"/>
      <w:pPr>
        <w:ind w:left="851" w:hanging="851"/>
      </w:pPr>
    </w:lvl>
    <w:lvl w:ilvl="4">
      <w:start w:val="1"/>
      <w:numFmt w:val="decimal"/>
      <w:lvlText w:val="%1.%2.%3.%4.%5."/>
      <w:lvlJc w:val="left"/>
      <w:pPr>
        <w:ind w:left="992" w:hanging="992"/>
      </w:pPr>
    </w:lvl>
    <w:lvl w:ilvl="5">
      <w:start w:val="1"/>
      <w:numFmt w:val="decimal"/>
      <w:lvlText w:val="%1.%2.%3.%4.%5.%6."/>
      <w:lvlJc w:val="left"/>
      <w:pPr>
        <w:ind w:left="1134" w:hanging="1134"/>
      </w:pPr>
    </w:lvl>
    <w:lvl w:ilvl="6">
      <w:start w:val="1"/>
      <w:numFmt w:val="decimal"/>
      <w:lvlText w:val="%1.%2.%3.%4.%5.%6.%7."/>
      <w:lvlJc w:val="left"/>
      <w:pPr>
        <w:ind w:left="1276" w:hanging="1276"/>
      </w:pPr>
    </w:lvl>
    <w:lvl w:ilvl="7">
      <w:start w:val="1"/>
      <w:numFmt w:val="decimal"/>
      <w:lvlText w:val="%1.%2.%3.%4.%5.%6.%7.%8."/>
      <w:lvlJc w:val="left"/>
      <w:pPr>
        <w:ind w:left="1418" w:hanging="1418"/>
      </w:pPr>
    </w:lvl>
    <w:lvl w:ilvl="8">
      <w:start w:val="1"/>
      <w:numFmt w:val="decimal"/>
      <w:lvlText w:val="%1.%2.%3.%4.%5.%6.%7.%8.%9."/>
      <w:lvlJc w:val="left"/>
      <w:pPr>
        <w:ind w:left="1559" w:hanging="1559"/>
      </w:pPr>
    </w:lvl>
  </w:abstractNum>
  <w:abstractNum w:abstractNumId="25" w15:restartNumberingAfterBreak="0">
    <w:nsid w:val="585912C6"/>
    <w:multiLevelType w:val="hybridMultilevel"/>
    <w:tmpl w:val="EB0E26CC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6" w15:restartNumberingAfterBreak="0">
    <w:nsid w:val="592B045F"/>
    <w:multiLevelType w:val="hybridMultilevel"/>
    <w:tmpl w:val="C3EA680C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7" w15:restartNumberingAfterBreak="0">
    <w:nsid w:val="5B8C45A7"/>
    <w:multiLevelType w:val="hybridMultilevel"/>
    <w:tmpl w:val="90D02204"/>
    <w:lvl w:ilvl="0" w:tplc="D106621E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8" w15:restartNumberingAfterBreak="0">
    <w:nsid w:val="604B7764"/>
    <w:multiLevelType w:val="hybridMultilevel"/>
    <w:tmpl w:val="B9A69FE4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9" w15:restartNumberingAfterBreak="0">
    <w:nsid w:val="60E875F9"/>
    <w:multiLevelType w:val="multilevel"/>
    <w:tmpl w:val="0409001F"/>
    <w:lvl w:ilvl="0">
      <w:start w:val="1"/>
      <w:numFmt w:val="decimal"/>
      <w:lvlText w:val="%1."/>
      <w:lvlJc w:val="left"/>
      <w:pPr>
        <w:ind w:left="425" w:hanging="425"/>
      </w:pPr>
    </w:lvl>
    <w:lvl w:ilvl="1">
      <w:start w:val="1"/>
      <w:numFmt w:val="decimal"/>
      <w:lvlText w:val="%1.%2."/>
      <w:lvlJc w:val="left"/>
      <w:pPr>
        <w:ind w:left="567" w:hanging="567"/>
      </w:pPr>
    </w:lvl>
    <w:lvl w:ilvl="2">
      <w:start w:val="1"/>
      <w:numFmt w:val="decimal"/>
      <w:lvlText w:val="%1.%2.%3."/>
      <w:lvlJc w:val="left"/>
      <w:pPr>
        <w:ind w:left="709" w:hanging="709"/>
      </w:pPr>
    </w:lvl>
    <w:lvl w:ilvl="3">
      <w:start w:val="1"/>
      <w:numFmt w:val="decimal"/>
      <w:lvlText w:val="%1.%2.%3.%4."/>
      <w:lvlJc w:val="left"/>
      <w:pPr>
        <w:ind w:left="851" w:hanging="851"/>
      </w:pPr>
    </w:lvl>
    <w:lvl w:ilvl="4">
      <w:start w:val="1"/>
      <w:numFmt w:val="decimal"/>
      <w:lvlText w:val="%1.%2.%3.%4.%5."/>
      <w:lvlJc w:val="left"/>
      <w:pPr>
        <w:ind w:left="992" w:hanging="992"/>
      </w:pPr>
    </w:lvl>
    <w:lvl w:ilvl="5">
      <w:start w:val="1"/>
      <w:numFmt w:val="decimal"/>
      <w:lvlText w:val="%1.%2.%3.%4.%5.%6."/>
      <w:lvlJc w:val="left"/>
      <w:pPr>
        <w:ind w:left="1134" w:hanging="1134"/>
      </w:pPr>
    </w:lvl>
    <w:lvl w:ilvl="6">
      <w:start w:val="1"/>
      <w:numFmt w:val="decimal"/>
      <w:lvlText w:val="%1.%2.%3.%4.%5.%6.%7."/>
      <w:lvlJc w:val="left"/>
      <w:pPr>
        <w:ind w:left="1276" w:hanging="1276"/>
      </w:pPr>
    </w:lvl>
    <w:lvl w:ilvl="7">
      <w:start w:val="1"/>
      <w:numFmt w:val="decimal"/>
      <w:lvlText w:val="%1.%2.%3.%4.%5.%6.%7.%8."/>
      <w:lvlJc w:val="left"/>
      <w:pPr>
        <w:ind w:left="1418" w:hanging="1418"/>
      </w:pPr>
    </w:lvl>
    <w:lvl w:ilvl="8">
      <w:start w:val="1"/>
      <w:numFmt w:val="decimal"/>
      <w:lvlText w:val="%1.%2.%3.%4.%5.%6.%7.%8.%9."/>
      <w:lvlJc w:val="left"/>
      <w:pPr>
        <w:ind w:left="1559" w:hanging="1559"/>
      </w:pPr>
    </w:lvl>
  </w:abstractNum>
  <w:abstractNum w:abstractNumId="30" w15:restartNumberingAfterBreak="0">
    <w:nsid w:val="61A53CCB"/>
    <w:multiLevelType w:val="hybridMultilevel"/>
    <w:tmpl w:val="D4EAB9C6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1" w15:restartNumberingAfterBreak="0">
    <w:nsid w:val="631F5CA9"/>
    <w:multiLevelType w:val="hybridMultilevel"/>
    <w:tmpl w:val="3CBECF4A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2" w15:restartNumberingAfterBreak="0">
    <w:nsid w:val="63493721"/>
    <w:multiLevelType w:val="hybridMultilevel"/>
    <w:tmpl w:val="33B0639A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3" w15:restartNumberingAfterBreak="0">
    <w:nsid w:val="67172800"/>
    <w:multiLevelType w:val="hybridMultilevel"/>
    <w:tmpl w:val="A68E3D22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4" w15:restartNumberingAfterBreak="0">
    <w:nsid w:val="6B4923F1"/>
    <w:multiLevelType w:val="hybridMultilevel"/>
    <w:tmpl w:val="38163456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5" w15:restartNumberingAfterBreak="0">
    <w:nsid w:val="6ECB3688"/>
    <w:multiLevelType w:val="hybridMultilevel"/>
    <w:tmpl w:val="C9DA5548"/>
    <w:lvl w:ilvl="0" w:tplc="658E6BE0">
      <w:start w:val="1"/>
      <w:numFmt w:val="bullet"/>
      <w:lvlText w:val="○"/>
      <w:lvlJc w:val="left"/>
      <w:pPr>
        <w:ind w:left="360" w:hanging="360"/>
      </w:pPr>
      <w:rPr>
        <w:rFonts w:ascii="微軟正黑體" w:eastAsia="微軟正黑體" w:hAnsi="微軟正黑體" w:cs="Times New Roman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6" w15:restartNumberingAfterBreak="0">
    <w:nsid w:val="77E37EB3"/>
    <w:multiLevelType w:val="hybridMultilevel"/>
    <w:tmpl w:val="E3EED3F4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7" w15:restartNumberingAfterBreak="0">
    <w:nsid w:val="7A205FBF"/>
    <w:multiLevelType w:val="hybridMultilevel"/>
    <w:tmpl w:val="9BA490C0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38" w15:restartNumberingAfterBreak="0">
    <w:nsid w:val="7A3775EB"/>
    <w:multiLevelType w:val="hybridMultilevel"/>
    <w:tmpl w:val="9BA490C0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17"/>
  </w:num>
  <w:num w:numId="2">
    <w:abstractNumId w:val="25"/>
  </w:num>
  <w:num w:numId="3">
    <w:abstractNumId w:val="0"/>
  </w:num>
  <w:num w:numId="4">
    <w:abstractNumId w:val="8"/>
  </w:num>
  <w:num w:numId="5">
    <w:abstractNumId w:val="33"/>
  </w:num>
  <w:num w:numId="6">
    <w:abstractNumId w:val="19"/>
  </w:num>
  <w:num w:numId="7">
    <w:abstractNumId w:val="13"/>
  </w:num>
  <w:num w:numId="8">
    <w:abstractNumId w:val="2"/>
  </w:num>
  <w:num w:numId="9">
    <w:abstractNumId w:val="16"/>
  </w:num>
  <w:num w:numId="10">
    <w:abstractNumId w:val="29"/>
  </w:num>
  <w:num w:numId="11">
    <w:abstractNumId w:val="24"/>
  </w:num>
  <w:num w:numId="12">
    <w:abstractNumId w:val="3"/>
  </w:num>
  <w:num w:numId="13">
    <w:abstractNumId w:val="6"/>
  </w:num>
  <w:num w:numId="14">
    <w:abstractNumId w:val="15"/>
  </w:num>
  <w:num w:numId="15">
    <w:abstractNumId w:val="10"/>
  </w:num>
  <w:num w:numId="16">
    <w:abstractNumId w:val="5"/>
  </w:num>
  <w:num w:numId="17">
    <w:abstractNumId w:val="38"/>
  </w:num>
  <w:num w:numId="18">
    <w:abstractNumId w:val="37"/>
  </w:num>
  <w:num w:numId="19">
    <w:abstractNumId w:val="21"/>
  </w:num>
  <w:num w:numId="20">
    <w:abstractNumId w:val="23"/>
  </w:num>
  <w:num w:numId="21">
    <w:abstractNumId w:val="20"/>
  </w:num>
  <w:num w:numId="22">
    <w:abstractNumId w:val="28"/>
  </w:num>
  <w:num w:numId="23">
    <w:abstractNumId w:val="34"/>
  </w:num>
  <w:num w:numId="24">
    <w:abstractNumId w:val="12"/>
  </w:num>
  <w:num w:numId="25">
    <w:abstractNumId w:val="32"/>
  </w:num>
  <w:num w:numId="26">
    <w:abstractNumId w:val="26"/>
  </w:num>
  <w:num w:numId="27">
    <w:abstractNumId w:val="1"/>
  </w:num>
  <w:num w:numId="28">
    <w:abstractNumId w:val="9"/>
  </w:num>
  <w:num w:numId="29">
    <w:abstractNumId w:val="22"/>
  </w:num>
  <w:num w:numId="30">
    <w:abstractNumId w:val="4"/>
  </w:num>
  <w:num w:numId="31">
    <w:abstractNumId w:val="11"/>
  </w:num>
  <w:num w:numId="32">
    <w:abstractNumId w:val="18"/>
  </w:num>
  <w:num w:numId="33">
    <w:abstractNumId w:val="30"/>
  </w:num>
  <w:num w:numId="34">
    <w:abstractNumId w:val="14"/>
  </w:num>
  <w:num w:numId="35">
    <w:abstractNumId w:val="31"/>
  </w:num>
  <w:num w:numId="36">
    <w:abstractNumId w:val="35"/>
  </w:num>
  <w:num w:numId="37">
    <w:abstractNumId w:val="27"/>
  </w:num>
  <w:num w:numId="38">
    <w:abstractNumId w:val="36"/>
  </w:num>
  <w:num w:numId="39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proofState w:spelling="clean" w:grammar="clean"/>
  <w:documentProtection w:edit="readOnly" w:enforcement="0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10241" fillcolor="white" stroke="f">
      <v:fill color="white"/>
      <v:stroke on="f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F715D6"/>
    <w:rsid w:val="0000083D"/>
    <w:rsid w:val="00002829"/>
    <w:rsid w:val="0000299F"/>
    <w:rsid w:val="00002CA1"/>
    <w:rsid w:val="0001520D"/>
    <w:rsid w:val="000152F3"/>
    <w:rsid w:val="000179E8"/>
    <w:rsid w:val="00022640"/>
    <w:rsid w:val="00023139"/>
    <w:rsid w:val="00024F15"/>
    <w:rsid w:val="000334DE"/>
    <w:rsid w:val="000345D1"/>
    <w:rsid w:val="00042454"/>
    <w:rsid w:val="00042943"/>
    <w:rsid w:val="0005086E"/>
    <w:rsid w:val="00051333"/>
    <w:rsid w:val="000565C3"/>
    <w:rsid w:val="000628EC"/>
    <w:rsid w:val="000655EE"/>
    <w:rsid w:val="00067C33"/>
    <w:rsid w:val="000717C1"/>
    <w:rsid w:val="000718F1"/>
    <w:rsid w:val="00072975"/>
    <w:rsid w:val="0007416F"/>
    <w:rsid w:val="00086B03"/>
    <w:rsid w:val="000A16A9"/>
    <w:rsid w:val="000A2867"/>
    <w:rsid w:val="000B13C4"/>
    <w:rsid w:val="000B2270"/>
    <w:rsid w:val="000B3D17"/>
    <w:rsid w:val="000B647A"/>
    <w:rsid w:val="000B6EE8"/>
    <w:rsid w:val="000B733B"/>
    <w:rsid w:val="000C24FD"/>
    <w:rsid w:val="000C31D6"/>
    <w:rsid w:val="000D1592"/>
    <w:rsid w:val="000D3BF8"/>
    <w:rsid w:val="000D408F"/>
    <w:rsid w:val="000D41C7"/>
    <w:rsid w:val="000D7BEF"/>
    <w:rsid w:val="000E4F9A"/>
    <w:rsid w:val="000E60F5"/>
    <w:rsid w:val="000F0112"/>
    <w:rsid w:val="000F4035"/>
    <w:rsid w:val="00101D7B"/>
    <w:rsid w:val="001035E4"/>
    <w:rsid w:val="00107A9F"/>
    <w:rsid w:val="00112830"/>
    <w:rsid w:val="00112EC9"/>
    <w:rsid w:val="00113107"/>
    <w:rsid w:val="0011339E"/>
    <w:rsid w:val="00113A03"/>
    <w:rsid w:val="00121DE2"/>
    <w:rsid w:val="00126BD8"/>
    <w:rsid w:val="00134564"/>
    <w:rsid w:val="001407C1"/>
    <w:rsid w:val="001418C9"/>
    <w:rsid w:val="001439FB"/>
    <w:rsid w:val="001448E8"/>
    <w:rsid w:val="00145307"/>
    <w:rsid w:val="00150D69"/>
    <w:rsid w:val="001513E4"/>
    <w:rsid w:val="00152C00"/>
    <w:rsid w:val="00152E0B"/>
    <w:rsid w:val="001535A9"/>
    <w:rsid w:val="001644DF"/>
    <w:rsid w:val="001653CC"/>
    <w:rsid w:val="0019378B"/>
    <w:rsid w:val="001977AA"/>
    <w:rsid w:val="001A0DC4"/>
    <w:rsid w:val="001A2EFD"/>
    <w:rsid w:val="001A417A"/>
    <w:rsid w:val="001A5907"/>
    <w:rsid w:val="001B4DA5"/>
    <w:rsid w:val="001B6A2D"/>
    <w:rsid w:val="001D3CAD"/>
    <w:rsid w:val="001D4045"/>
    <w:rsid w:val="001D52B2"/>
    <w:rsid w:val="001E1588"/>
    <w:rsid w:val="001E3898"/>
    <w:rsid w:val="001F5C8E"/>
    <w:rsid w:val="0020070E"/>
    <w:rsid w:val="00204DF6"/>
    <w:rsid w:val="00205C68"/>
    <w:rsid w:val="002205C5"/>
    <w:rsid w:val="00221A4C"/>
    <w:rsid w:val="00222197"/>
    <w:rsid w:val="002237E5"/>
    <w:rsid w:val="00224B3E"/>
    <w:rsid w:val="00225475"/>
    <w:rsid w:val="002267C9"/>
    <w:rsid w:val="00227BDC"/>
    <w:rsid w:val="002328B8"/>
    <w:rsid w:val="00233896"/>
    <w:rsid w:val="002341FF"/>
    <w:rsid w:val="00236C94"/>
    <w:rsid w:val="002370F5"/>
    <w:rsid w:val="00242A30"/>
    <w:rsid w:val="00242ACD"/>
    <w:rsid w:val="002446EE"/>
    <w:rsid w:val="00245207"/>
    <w:rsid w:val="002472DC"/>
    <w:rsid w:val="002552FA"/>
    <w:rsid w:val="0026107D"/>
    <w:rsid w:val="00263CF3"/>
    <w:rsid w:val="00264064"/>
    <w:rsid w:val="00265207"/>
    <w:rsid w:val="0027402E"/>
    <w:rsid w:val="00275029"/>
    <w:rsid w:val="00275843"/>
    <w:rsid w:val="00275E93"/>
    <w:rsid w:val="002779C9"/>
    <w:rsid w:val="00277CB7"/>
    <w:rsid w:val="00282577"/>
    <w:rsid w:val="0028259F"/>
    <w:rsid w:val="00285B0E"/>
    <w:rsid w:val="002915B9"/>
    <w:rsid w:val="00291973"/>
    <w:rsid w:val="002931CB"/>
    <w:rsid w:val="0029327E"/>
    <w:rsid w:val="00296AEB"/>
    <w:rsid w:val="00296B37"/>
    <w:rsid w:val="002A6868"/>
    <w:rsid w:val="002A77E4"/>
    <w:rsid w:val="002B1EBB"/>
    <w:rsid w:val="002B2108"/>
    <w:rsid w:val="002B3D49"/>
    <w:rsid w:val="002B515C"/>
    <w:rsid w:val="002B60B4"/>
    <w:rsid w:val="002C24EE"/>
    <w:rsid w:val="002C7809"/>
    <w:rsid w:val="002C79FA"/>
    <w:rsid w:val="002D1418"/>
    <w:rsid w:val="002D1868"/>
    <w:rsid w:val="002D1ADF"/>
    <w:rsid w:val="002D402B"/>
    <w:rsid w:val="002D4340"/>
    <w:rsid w:val="002D567C"/>
    <w:rsid w:val="002E2061"/>
    <w:rsid w:val="002E24A3"/>
    <w:rsid w:val="002E2AB3"/>
    <w:rsid w:val="002E4B3A"/>
    <w:rsid w:val="002E7DF5"/>
    <w:rsid w:val="002F1EBF"/>
    <w:rsid w:val="002F421A"/>
    <w:rsid w:val="002F54E1"/>
    <w:rsid w:val="002F6A5E"/>
    <w:rsid w:val="0030748A"/>
    <w:rsid w:val="00307E33"/>
    <w:rsid w:val="0031369E"/>
    <w:rsid w:val="003137B4"/>
    <w:rsid w:val="00314AEC"/>
    <w:rsid w:val="003174CF"/>
    <w:rsid w:val="003205DE"/>
    <w:rsid w:val="003320F8"/>
    <w:rsid w:val="00332993"/>
    <w:rsid w:val="0033524A"/>
    <w:rsid w:val="003371CD"/>
    <w:rsid w:val="00341A13"/>
    <w:rsid w:val="00343534"/>
    <w:rsid w:val="003470E9"/>
    <w:rsid w:val="003512F2"/>
    <w:rsid w:val="00354136"/>
    <w:rsid w:val="0035441E"/>
    <w:rsid w:val="00356A62"/>
    <w:rsid w:val="00360A06"/>
    <w:rsid w:val="00360B96"/>
    <w:rsid w:val="00384EF3"/>
    <w:rsid w:val="00390787"/>
    <w:rsid w:val="00393D08"/>
    <w:rsid w:val="003A1203"/>
    <w:rsid w:val="003A40F7"/>
    <w:rsid w:val="003A4B1A"/>
    <w:rsid w:val="003A71B5"/>
    <w:rsid w:val="003B276E"/>
    <w:rsid w:val="003B3A4D"/>
    <w:rsid w:val="003B445F"/>
    <w:rsid w:val="003B62D4"/>
    <w:rsid w:val="003B7A07"/>
    <w:rsid w:val="003C0454"/>
    <w:rsid w:val="003C15E5"/>
    <w:rsid w:val="003C3045"/>
    <w:rsid w:val="003C4CF7"/>
    <w:rsid w:val="003C64E5"/>
    <w:rsid w:val="003D00B5"/>
    <w:rsid w:val="003D1B13"/>
    <w:rsid w:val="003D4855"/>
    <w:rsid w:val="003D5D31"/>
    <w:rsid w:val="003E1362"/>
    <w:rsid w:val="003E1E0C"/>
    <w:rsid w:val="003E598F"/>
    <w:rsid w:val="003E5DD2"/>
    <w:rsid w:val="003E6451"/>
    <w:rsid w:val="003F476F"/>
    <w:rsid w:val="003F4820"/>
    <w:rsid w:val="003F4C7D"/>
    <w:rsid w:val="003F4CE9"/>
    <w:rsid w:val="00405603"/>
    <w:rsid w:val="00405CFA"/>
    <w:rsid w:val="0040776E"/>
    <w:rsid w:val="00410F76"/>
    <w:rsid w:val="00413889"/>
    <w:rsid w:val="00425F8D"/>
    <w:rsid w:val="0042778E"/>
    <w:rsid w:val="00427F20"/>
    <w:rsid w:val="00431036"/>
    <w:rsid w:val="00442738"/>
    <w:rsid w:val="0044374B"/>
    <w:rsid w:val="00443F9E"/>
    <w:rsid w:val="00452A16"/>
    <w:rsid w:val="00454F70"/>
    <w:rsid w:val="004609F5"/>
    <w:rsid w:val="00464A7F"/>
    <w:rsid w:val="00472290"/>
    <w:rsid w:val="00474F94"/>
    <w:rsid w:val="00483738"/>
    <w:rsid w:val="00485AB6"/>
    <w:rsid w:val="004949C8"/>
    <w:rsid w:val="00497D18"/>
    <w:rsid w:val="004B4E6E"/>
    <w:rsid w:val="004C5B8C"/>
    <w:rsid w:val="004D0C33"/>
    <w:rsid w:val="004D15A8"/>
    <w:rsid w:val="004D5CE2"/>
    <w:rsid w:val="004D7E9A"/>
    <w:rsid w:val="004E25BB"/>
    <w:rsid w:val="004F3230"/>
    <w:rsid w:val="004F65D7"/>
    <w:rsid w:val="004F6678"/>
    <w:rsid w:val="004F6A45"/>
    <w:rsid w:val="00503D11"/>
    <w:rsid w:val="005049AE"/>
    <w:rsid w:val="0050596F"/>
    <w:rsid w:val="00510B9D"/>
    <w:rsid w:val="0051113F"/>
    <w:rsid w:val="00511390"/>
    <w:rsid w:val="00513F2F"/>
    <w:rsid w:val="00515E2B"/>
    <w:rsid w:val="005165D0"/>
    <w:rsid w:val="00522EE5"/>
    <w:rsid w:val="00523AEC"/>
    <w:rsid w:val="00524635"/>
    <w:rsid w:val="00527960"/>
    <w:rsid w:val="0053159D"/>
    <w:rsid w:val="005528D2"/>
    <w:rsid w:val="00563335"/>
    <w:rsid w:val="00571EFA"/>
    <w:rsid w:val="005755A3"/>
    <w:rsid w:val="0058004C"/>
    <w:rsid w:val="00585114"/>
    <w:rsid w:val="00587032"/>
    <w:rsid w:val="005909AF"/>
    <w:rsid w:val="00593E94"/>
    <w:rsid w:val="00595C09"/>
    <w:rsid w:val="00595D2D"/>
    <w:rsid w:val="00595E11"/>
    <w:rsid w:val="00597423"/>
    <w:rsid w:val="005A1344"/>
    <w:rsid w:val="005A79A6"/>
    <w:rsid w:val="005B15BB"/>
    <w:rsid w:val="005C3D88"/>
    <w:rsid w:val="005D04E9"/>
    <w:rsid w:val="005D157C"/>
    <w:rsid w:val="005D1E45"/>
    <w:rsid w:val="005D4910"/>
    <w:rsid w:val="005E3205"/>
    <w:rsid w:val="005E615C"/>
    <w:rsid w:val="005E696B"/>
    <w:rsid w:val="005E780F"/>
    <w:rsid w:val="005F1E60"/>
    <w:rsid w:val="005F1E6E"/>
    <w:rsid w:val="005F3806"/>
    <w:rsid w:val="006004E7"/>
    <w:rsid w:val="00603C0E"/>
    <w:rsid w:val="00604E7B"/>
    <w:rsid w:val="00607F95"/>
    <w:rsid w:val="006116E9"/>
    <w:rsid w:val="006145BF"/>
    <w:rsid w:val="006230B8"/>
    <w:rsid w:val="006306F4"/>
    <w:rsid w:val="00633D47"/>
    <w:rsid w:val="00635650"/>
    <w:rsid w:val="00636468"/>
    <w:rsid w:val="0063696B"/>
    <w:rsid w:val="00636B95"/>
    <w:rsid w:val="00640086"/>
    <w:rsid w:val="00646FA0"/>
    <w:rsid w:val="0065227E"/>
    <w:rsid w:val="006531B2"/>
    <w:rsid w:val="0066208E"/>
    <w:rsid w:val="00663595"/>
    <w:rsid w:val="00667677"/>
    <w:rsid w:val="00667BAD"/>
    <w:rsid w:val="006721CE"/>
    <w:rsid w:val="00675921"/>
    <w:rsid w:val="00681873"/>
    <w:rsid w:val="00686BD0"/>
    <w:rsid w:val="006A54F4"/>
    <w:rsid w:val="006A7143"/>
    <w:rsid w:val="006A8C26"/>
    <w:rsid w:val="006B5538"/>
    <w:rsid w:val="006C5A36"/>
    <w:rsid w:val="006D342E"/>
    <w:rsid w:val="006D4810"/>
    <w:rsid w:val="006D6789"/>
    <w:rsid w:val="006E10E4"/>
    <w:rsid w:val="006E48ED"/>
    <w:rsid w:val="006E4A04"/>
    <w:rsid w:val="006E5AED"/>
    <w:rsid w:val="006F021D"/>
    <w:rsid w:val="006F602A"/>
    <w:rsid w:val="00702BFA"/>
    <w:rsid w:val="00705898"/>
    <w:rsid w:val="00706ACF"/>
    <w:rsid w:val="007174DC"/>
    <w:rsid w:val="00722DB3"/>
    <w:rsid w:val="00724794"/>
    <w:rsid w:val="00735113"/>
    <w:rsid w:val="00736FE6"/>
    <w:rsid w:val="00742C11"/>
    <w:rsid w:val="007435BF"/>
    <w:rsid w:val="00744B77"/>
    <w:rsid w:val="00746705"/>
    <w:rsid w:val="00747121"/>
    <w:rsid w:val="00747DD2"/>
    <w:rsid w:val="0075042D"/>
    <w:rsid w:val="00752E74"/>
    <w:rsid w:val="00761AC5"/>
    <w:rsid w:val="00766257"/>
    <w:rsid w:val="007718F5"/>
    <w:rsid w:val="00773D19"/>
    <w:rsid w:val="00774094"/>
    <w:rsid w:val="0077542C"/>
    <w:rsid w:val="00780607"/>
    <w:rsid w:val="00781009"/>
    <w:rsid w:val="00782294"/>
    <w:rsid w:val="00785C08"/>
    <w:rsid w:val="00785CB0"/>
    <w:rsid w:val="007926FD"/>
    <w:rsid w:val="007957AA"/>
    <w:rsid w:val="00795FC7"/>
    <w:rsid w:val="007A0AF9"/>
    <w:rsid w:val="007A29B5"/>
    <w:rsid w:val="007B1476"/>
    <w:rsid w:val="007B1A80"/>
    <w:rsid w:val="007B6021"/>
    <w:rsid w:val="007B74B5"/>
    <w:rsid w:val="007C1C13"/>
    <w:rsid w:val="007C1EF2"/>
    <w:rsid w:val="007C314A"/>
    <w:rsid w:val="007C764E"/>
    <w:rsid w:val="007D10AF"/>
    <w:rsid w:val="007D2C8E"/>
    <w:rsid w:val="007D5BA9"/>
    <w:rsid w:val="007D79CE"/>
    <w:rsid w:val="007D7BAE"/>
    <w:rsid w:val="007E0A69"/>
    <w:rsid w:val="007E47BB"/>
    <w:rsid w:val="007E55E7"/>
    <w:rsid w:val="007F01D5"/>
    <w:rsid w:val="007F03AE"/>
    <w:rsid w:val="007F30FE"/>
    <w:rsid w:val="007F5BFA"/>
    <w:rsid w:val="007F5D6A"/>
    <w:rsid w:val="007F7126"/>
    <w:rsid w:val="007F7446"/>
    <w:rsid w:val="008004E7"/>
    <w:rsid w:val="00803E6C"/>
    <w:rsid w:val="008076C9"/>
    <w:rsid w:val="00810676"/>
    <w:rsid w:val="0081370E"/>
    <w:rsid w:val="008214F0"/>
    <w:rsid w:val="00824930"/>
    <w:rsid w:val="008272F6"/>
    <w:rsid w:val="00827B7D"/>
    <w:rsid w:val="00827BC1"/>
    <w:rsid w:val="00833F0A"/>
    <w:rsid w:val="00843789"/>
    <w:rsid w:val="0085317F"/>
    <w:rsid w:val="008565F1"/>
    <w:rsid w:val="008567D1"/>
    <w:rsid w:val="008707DA"/>
    <w:rsid w:val="00875D6F"/>
    <w:rsid w:val="00886E78"/>
    <w:rsid w:val="00890FA7"/>
    <w:rsid w:val="00896499"/>
    <w:rsid w:val="00897496"/>
    <w:rsid w:val="0089752F"/>
    <w:rsid w:val="008A132D"/>
    <w:rsid w:val="008A67C1"/>
    <w:rsid w:val="008B051E"/>
    <w:rsid w:val="008B3556"/>
    <w:rsid w:val="008C00DA"/>
    <w:rsid w:val="008C0DE2"/>
    <w:rsid w:val="008C22E6"/>
    <w:rsid w:val="008C2382"/>
    <w:rsid w:val="008C4C57"/>
    <w:rsid w:val="008C4D42"/>
    <w:rsid w:val="008C610E"/>
    <w:rsid w:val="008C61A0"/>
    <w:rsid w:val="008D0156"/>
    <w:rsid w:val="008D19E7"/>
    <w:rsid w:val="008D5711"/>
    <w:rsid w:val="008D65C4"/>
    <w:rsid w:val="008D7DB0"/>
    <w:rsid w:val="008D7FB8"/>
    <w:rsid w:val="008E1F24"/>
    <w:rsid w:val="008E382D"/>
    <w:rsid w:val="008E6C4D"/>
    <w:rsid w:val="008E7D9D"/>
    <w:rsid w:val="008F05EC"/>
    <w:rsid w:val="008F19D4"/>
    <w:rsid w:val="008F3A58"/>
    <w:rsid w:val="008F4F1D"/>
    <w:rsid w:val="008F4F6B"/>
    <w:rsid w:val="008F581C"/>
    <w:rsid w:val="009004B0"/>
    <w:rsid w:val="00907F97"/>
    <w:rsid w:val="00911C2C"/>
    <w:rsid w:val="00914330"/>
    <w:rsid w:val="00921F20"/>
    <w:rsid w:val="00922022"/>
    <w:rsid w:val="009324C5"/>
    <w:rsid w:val="009355C3"/>
    <w:rsid w:val="00942696"/>
    <w:rsid w:val="009462E8"/>
    <w:rsid w:val="00947BC6"/>
    <w:rsid w:val="00951F7A"/>
    <w:rsid w:val="009547F6"/>
    <w:rsid w:val="00955A50"/>
    <w:rsid w:val="00956015"/>
    <w:rsid w:val="0095704A"/>
    <w:rsid w:val="00960F66"/>
    <w:rsid w:val="0096737C"/>
    <w:rsid w:val="00974297"/>
    <w:rsid w:val="00977CF1"/>
    <w:rsid w:val="0098397A"/>
    <w:rsid w:val="00984E3C"/>
    <w:rsid w:val="00986BBA"/>
    <w:rsid w:val="00986D87"/>
    <w:rsid w:val="00995403"/>
    <w:rsid w:val="009956C5"/>
    <w:rsid w:val="009A51C9"/>
    <w:rsid w:val="009A58F6"/>
    <w:rsid w:val="009A712B"/>
    <w:rsid w:val="009B27DE"/>
    <w:rsid w:val="009B658D"/>
    <w:rsid w:val="009C04E3"/>
    <w:rsid w:val="009C4F0E"/>
    <w:rsid w:val="009C7039"/>
    <w:rsid w:val="009C744D"/>
    <w:rsid w:val="009D59F9"/>
    <w:rsid w:val="009D7292"/>
    <w:rsid w:val="009E1CF1"/>
    <w:rsid w:val="009E4D0F"/>
    <w:rsid w:val="009E616A"/>
    <w:rsid w:val="009E6259"/>
    <w:rsid w:val="009F2148"/>
    <w:rsid w:val="009F5D7E"/>
    <w:rsid w:val="009F6815"/>
    <w:rsid w:val="00A0224F"/>
    <w:rsid w:val="00A07A2C"/>
    <w:rsid w:val="00A07F71"/>
    <w:rsid w:val="00A13B0F"/>
    <w:rsid w:val="00A1435E"/>
    <w:rsid w:val="00A219CA"/>
    <w:rsid w:val="00A25BA7"/>
    <w:rsid w:val="00A3097F"/>
    <w:rsid w:val="00A348E9"/>
    <w:rsid w:val="00A45669"/>
    <w:rsid w:val="00A471B5"/>
    <w:rsid w:val="00A514BE"/>
    <w:rsid w:val="00A53406"/>
    <w:rsid w:val="00A539D0"/>
    <w:rsid w:val="00A57F04"/>
    <w:rsid w:val="00A6074E"/>
    <w:rsid w:val="00A632AE"/>
    <w:rsid w:val="00A67122"/>
    <w:rsid w:val="00A706C1"/>
    <w:rsid w:val="00A80370"/>
    <w:rsid w:val="00A97D3B"/>
    <w:rsid w:val="00AB20C8"/>
    <w:rsid w:val="00AB3A62"/>
    <w:rsid w:val="00AB6D22"/>
    <w:rsid w:val="00AC75C0"/>
    <w:rsid w:val="00AD2342"/>
    <w:rsid w:val="00AD2956"/>
    <w:rsid w:val="00AD2E5A"/>
    <w:rsid w:val="00AD3942"/>
    <w:rsid w:val="00AD4D9E"/>
    <w:rsid w:val="00AE1CF9"/>
    <w:rsid w:val="00AF245F"/>
    <w:rsid w:val="00AF55BC"/>
    <w:rsid w:val="00AF620E"/>
    <w:rsid w:val="00B026B1"/>
    <w:rsid w:val="00B03550"/>
    <w:rsid w:val="00B03D0F"/>
    <w:rsid w:val="00B108A7"/>
    <w:rsid w:val="00B12505"/>
    <w:rsid w:val="00B125DC"/>
    <w:rsid w:val="00B133F0"/>
    <w:rsid w:val="00B15FCF"/>
    <w:rsid w:val="00B20D78"/>
    <w:rsid w:val="00B22019"/>
    <w:rsid w:val="00B30AB0"/>
    <w:rsid w:val="00B32F84"/>
    <w:rsid w:val="00B33695"/>
    <w:rsid w:val="00B43C78"/>
    <w:rsid w:val="00B446AC"/>
    <w:rsid w:val="00B4780E"/>
    <w:rsid w:val="00B548BE"/>
    <w:rsid w:val="00B556D4"/>
    <w:rsid w:val="00B60404"/>
    <w:rsid w:val="00B63BE2"/>
    <w:rsid w:val="00B6585F"/>
    <w:rsid w:val="00B71DA7"/>
    <w:rsid w:val="00B73B65"/>
    <w:rsid w:val="00B76472"/>
    <w:rsid w:val="00B80F36"/>
    <w:rsid w:val="00B85BF3"/>
    <w:rsid w:val="00B90277"/>
    <w:rsid w:val="00B91DAC"/>
    <w:rsid w:val="00B946A8"/>
    <w:rsid w:val="00B9552F"/>
    <w:rsid w:val="00BA0734"/>
    <w:rsid w:val="00BA2B57"/>
    <w:rsid w:val="00BA35A3"/>
    <w:rsid w:val="00BA39DA"/>
    <w:rsid w:val="00BB08C2"/>
    <w:rsid w:val="00BB0EED"/>
    <w:rsid w:val="00BB3225"/>
    <w:rsid w:val="00BC1F50"/>
    <w:rsid w:val="00BC4EE1"/>
    <w:rsid w:val="00BC5704"/>
    <w:rsid w:val="00BC6F33"/>
    <w:rsid w:val="00BC7073"/>
    <w:rsid w:val="00BD2596"/>
    <w:rsid w:val="00BD3B14"/>
    <w:rsid w:val="00BE27ED"/>
    <w:rsid w:val="00BE5A25"/>
    <w:rsid w:val="00BF05E4"/>
    <w:rsid w:val="00BF3676"/>
    <w:rsid w:val="00C026B9"/>
    <w:rsid w:val="00C02787"/>
    <w:rsid w:val="00C0388F"/>
    <w:rsid w:val="00C05676"/>
    <w:rsid w:val="00C14409"/>
    <w:rsid w:val="00C16C2C"/>
    <w:rsid w:val="00C215D6"/>
    <w:rsid w:val="00C21CCC"/>
    <w:rsid w:val="00C23BFF"/>
    <w:rsid w:val="00C245A8"/>
    <w:rsid w:val="00C27C78"/>
    <w:rsid w:val="00C31872"/>
    <w:rsid w:val="00C32A05"/>
    <w:rsid w:val="00C32C88"/>
    <w:rsid w:val="00C3337F"/>
    <w:rsid w:val="00C33AEC"/>
    <w:rsid w:val="00C34C6D"/>
    <w:rsid w:val="00C372D4"/>
    <w:rsid w:val="00C37A19"/>
    <w:rsid w:val="00C472BF"/>
    <w:rsid w:val="00C5049E"/>
    <w:rsid w:val="00C51872"/>
    <w:rsid w:val="00C611DF"/>
    <w:rsid w:val="00C61845"/>
    <w:rsid w:val="00C63777"/>
    <w:rsid w:val="00C653AD"/>
    <w:rsid w:val="00C67461"/>
    <w:rsid w:val="00C740E7"/>
    <w:rsid w:val="00C806B7"/>
    <w:rsid w:val="00C83B3C"/>
    <w:rsid w:val="00C8706D"/>
    <w:rsid w:val="00C91171"/>
    <w:rsid w:val="00C93A14"/>
    <w:rsid w:val="00C961B0"/>
    <w:rsid w:val="00CA166D"/>
    <w:rsid w:val="00CA1962"/>
    <w:rsid w:val="00CA2E3D"/>
    <w:rsid w:val="00CA3C68"/>
    <w:rsid w:val="00CA448B"/>
    <w:rsid w:val="00CA51E7"/>
    <w:rsid w:val="00CB0281"/>
    <w:rsid w:val="00CB34C7"/>
    <w:rsid w:val="00CB4727"/>
    <w:rsid w:val="00CC172C"/>
    <w:rsid w:val="00CC3225"/>
    <w:rsid w:val="00CC4038"/>
    <w:rsid w:val="00CD07F3"/>
    <w:rsid w:val="00CD5CF1"/>
    <w:rsid w:val="00CD65A5"/>
    <w:rsid w:val="00CE0993"/>
    <w:rsid w:val="00CE26E5"/>
    <w:rsid w:val="00CF2A4F"/>
    <w:rsid w:val="00D03039"/>
    <w:rsid w:val="00D17318"/>
    <w:rsid w:val="00D1732E"/>
    <w:rsid w:val="00D17CF2"/>
    <w:rsid w:val="00D23BFA"/>
    <w:rsid w:val="00D2601C"/>
    <w:rsid w:val="00D271D4"/>
    <w:rsid w:val="00D30E1A"/>
    <w:rsid w:val="00D3294C"/>
    <w:rsid w:val="00D32FA4"/>
    <w:rsid w:val="00D41872"/>
    <w:rsid w:val="00D437B4"/>
    <w:rsid w:val="00D452F6"/>
    <w:rsid w:val="00D47BA9"/>
    <w:rsid w:val="00D60305"/>
    <w:rsid w:val="00D60F29"/>
    <w:rsid w:val="00D66ACF"/>
    <w:rsid w:val="00D67B8F"/>
    <w:rsid w:val="00D71C6B"/>
    <w:rsid w:val="00D802EB"/>
    <w:rsid w:val="00D84159"/>
    <w:rsid w:val="00D85296"/>
    <w:rsid w:val="00D86FCF"/>
    <w:rsid w:val="00D87B2F"/>
    <w:rsid w:val="00DA08ED"/>
    <w:rsid w:val="00DA2D44"/>
    <w:rsid w:val="00DA4400"/>
    <w:rsid w:val="00DA46B7"/>
    <w:rsid w:val="00DA6729"/>
    <w:rsid w:val="00DA7862"/>
    <w:rsid w:val="00DB3D5E"/>
    <w:rsid w:val="00DC0BF5"/>
    <w:rsid w:val="00DC0F15"/>
    <w:rsid w:val="00DC2CA6"/>
    <w:rsid w:val="00DC5617"/>
    <w:rsid w:val="00DD2351"/>
    <w:rsid w:val="00DD63C3"/>
    <w:rsid w:val="00DE2419"/>
    <w:rsid w:val="00DE4D3A"/>
    <w:rsid w:val="00DE4DB1"/>
    <w:rsid w:val="00DE60C9"/>
    <w:rsid w:val="00DE772F"/>
    <w:rsid w:val="00DF71C8"/>
    <w:rsid w:val="00E02BB7"/>
    <w:rsid w:val="00E073C2"/>
    <w:rsid w:val="00E13A21"/>
    <w:rsid w:val="00E233E6"/>
    <w:rsid w:val="00E3044F"/>
    <w:rsid w:val="00E30732"/>
    <w:rsid w:val="00E309E0"/>
    <w:rsid w:val="00E434E0"/>
    <w:rsid w:val="00E4417A"/>
    <w:rsid w:val="00E50D82"/>
    <w:rsid w:val="00E50E5A"/>
    <w:rsid w:val="00E5178F"/>
    <w:rsid w:val="00E53433"/>
    <w:rsid w:val="00E64447"/>
    <w:rsid w:val="00E655D2"/>
    <w:rsid w:val="00E66271"/>
    <w:rsid w:val="00E7065B"/>
    <w:rsid w:val="00E70ACD"/>
    <w:rsid w:val="00E7210E"/>
    <w:rsid w:val="00E75836"/>
    <w:rsid w:val="00E83467"/>
    <w:rsid w:val="00E84E47"/>
    <w:rsid w:val="00E8521B"/>
    <w:rsid w:val="00E92D89"/>
    <w:rsid w:val="00E95666"/>
    <w:rsid w:val="00E972A0"/>
    <w:rsid w:val="00EA5CAB"/>
    <w:rsid w:val="00EA6263"/>
    <w:rsid w:val="00EA6B9C"/>
    <w:rsid w:val="00EB4930"/>
    <w:rsid w:val="00EC034F"/>
    <w:rsid w:val="00EC4F4C"/>
    <w:rsid w:val="00EC5477"/>
    <w:rsid w:val="00ED3F2F"/>
    <w:rsid w:val="00ED4483"/>
    <w:rsid w:val="00ED77D5"/>
    <w:rsid w:val="00EE719C"/>
    <w:rsid w:val="00EF0A2C"/>
    <w:rsid w:val="00EF5B8E"/>
    <w:rsid w:val="00F010D3"/>
    <w:rsid w:val="00F0138A"/>
    <w:rsid w:val="00F0261E"/>
    <w:rsid w:val="00F02BF6"/>
    <w:rsid w:val="00F043B9"/>
    <w:rsid w:val="00F105CE"/>
    <w:rsid w:val="00F1463E"/>
    <w:rsid w:val="00F15A78"/>
    <w:rsid w:val="00F235A8"/>
    <w:rsid w:val="00F24E14"/>
    <w:rsid w:val="00F2719B"/>
    <w:rsid w:val="00F3202E"/>
    <w:rsid w:val="00F3261A"/>
    <w:rsid w:val="00F46D38"/>
    <w:rsid w:val="00F47125"/>
    <w:rsid w:val="00F50BFD"/>
    <w:rsid w:val="00F515BE"/>
    <w:rsid w:val="00F54652"/>
    <w:rsid w:val="00F5564D"/>
    <w:rsid w:val="00F55A60"/>
    <w:rsid w:val="00F6698E"/>
    <w:rsid w:val="00F67AF6"/>
    <w:rsid w:val="00F715D6"/>
    <w:rsid w:val="00F734DB"/>
    <w:rsid w:val="00F742CE"/>
    <w:rsid w:val="00F75F18"/>
    <w:rsid w:val="00F80CDE"/>
    <w:rsid w:val="00F85347"/>
    <w:rsid w:val="00FA26CD"/>
    <w:rsid w:val="00FA2FA1"/>
    <w:rsid w:val="00FB14BD"/>
    <w:rsid w:val="00FB6CB1"/>
    <w:rsid w:val="00FC111A"/>
    <w:rsid w:val="00FC329C"/>
    <w:rsid w:val="00FD2277"/>
    <w:rsid w:val="00FE09E7"/>
    <w:rsid w:val="00FE257F"/>
    <w:rsid w:val="00FE2E62"/>
    <w:rsid w:val="00FE6648"/>
    <w:rsid w:val="00FE6C61"/>
    <w:rsid w:val="00FF3D56"/>
    <w:rsid w:val="00FF4828"/>
    <w:rsid w:val="00FF7C5A"/>
    <w:rsid w:val="01053D17"/>
    <w:rsid w:val="010AEA9F"/>
    <w:rsid w:val="014D3BAD"/>
    <w:rsid w:val="022FCE61"/>
    <w:rsid w:val="02EBA72A"/>
    <w:rsid w:val="03A90CC3"/>
    <w:rsid w:val="03CB9EC2"/>
    <w:rsid w:val="0429163F"/>
    <w:rsid w:val="04428B61"/>
    <w:rsid w:val="0443F7C4"/>
    <w:rsid w:val="04807373"/>
    <w:rsid w:val="0487778B"/>
    <w:rsid w:val="054B797A"/>
    <w:rsid w:val="054BEB73"/>
    <w:rsid w:val="058940D9"/>
    <w:rsid w:val="06BEEE68"/>
    <w:rsid w:val="07CFE275"/>
    <w:rsid w:val="0826E5A1"/>
    <w:rsid w:val="09909299"/>
    <w:rsid w:val="09A419E6"/>
    <w:rsid w:val="0D983FA2"/>
    <w:rsid w:val="0DE41B9F"/>
    <w:rsid w:val="0F9BED13"/>
    <w:rsid w:val="0FE6ABC0"/>
    <w:rsid w:val="10541333"/>
    <w:rsid w:val="1134D8C9"/>
    <w:rsid w:val="114342A0"/>
    <w:rsid w:val="12CEB691"/>
    <w:rsid w:val="1481EAE7"/>
    <w:rsid w:val="159791BD"/>
    <w:rsid w:val="1693F478"/>
    <w:rsid w:val="18369980"/>
    <w:rsid w:val="197DB7E8"/>
    <w:rsid w:val="1A3BC374"/>
    <w:rsid w:val="1AA06A88"/>
    <w:rsid w:val="1AFBC96D"/>
    <w:rsid w:val="1B122F43"/>
    <w:rsid w:val="1BB97DCE"/>
    <w:rsid w:val="1BC88312"/>
    <w:rsid w:val="1D35A91C"/>
    <w:rsid w:val="1D373964"/>
    <w:rsid w:val="1E641EA0"/>
    <w:rsid w:val="1E86FBC1"/>
    <w:rsid w:val="1F08769D"/>
    <w:rsid w:val="1FED83EE"/>
    <w:rsid w:val="213F978A"/>
    <w:rsid w:val="227CB3AA"/>
    <w:rsid w:val="22D79778"/>
    <w:rsid w:val="22DF2677"/>
    <w:rsid w:val="2348FA5E"/>
    <w:rsid w:val="244143C2"/>
    <w:rsid w:val="24611AE1"/>
    <w:rsid w:val="24FB9556"/>
    <w:rsid w:val="256A836E"/>
    <w:rsid w:val="25F06AFB"/>
    <w:rsid w:val="25F9687F"/>
    <w:rsid w:val="26616D13"/>
    <w:rsid w:val="26FBDEC6"/>
    <w:rsid w:val="27328563"/>
    <w:rsid w:val="28010AEC"/>
    <w:rsid w:val="28038D14"/>
    <w:rsid w:val="282B3791"/>
    <w:rsid w:val="28823D3D"/>
    <w:rsid w:val="29A9BDB0"/>
    <w:rsid w:val="29CC0020"/>
    <w:rsid w:val="29F3E512"/>
    <w:rsid w:val="2A67D93A"/>
    <w:rsid w:val="2A6CA274"/>
    <w:rsid w:val="2C177BFE"/>
    <w:rsid w:val="2C9E9E78"/>
    <w:rsid w:val="2CB2DE99"/>
    <w:rsid w:val="2ED0AD2F"/>
    <w:rsid w:val="2F5ACB0E"/>
    <w:rsid w:val="3042BDF5"/>
    <w:rsid w:val="30A61B8B"/>
    <w:rsid w:val="30BE3383"/>
    <w:rsid w:val="30ED2526"/>
    <w:rsid w:val="34A15646"/>
    <w:rsid w:val="35D8A12A"/>
    <w:rsid w:val="36F86DFD"/>
    <w:rsid w:val="389197D9"/>
    <w:rsid w:val="39AA2448"/>
    <w:rsid w:val="3B224FF5"/>
    <w:rsid w:val="3C534C95"/>
    <w:rsid w:val="3C53D99E"/>
    <w:rsid w:val="3C568909"/>
    <w:rsid w:val="3C86BB53"/>
    <w:rsid w:val="3CC27FA2"/>
    <w:rsid w:val="3CCA9E17"/>
    <w:rsid w:val="3D5F0461"/>
    <w:rsid w:val="3FAEC8C9"/>
    <w:rsid w:val="4053E92C"/>
    <w:rsid w:val="40A5E373"/>
    <w:rsid w:val="4277181A"/>
    <w:rsid w:val="42B5A44B"/>
    <w:rsid w:val="434D8F36"/>
    <w:rsid w:val="4365B00E"/>
    <w:rsid w:val="442661C4"/>
    <w:rsid w:val="4435F1FE"/>
    <w:rsid w:val="4464D7D8"/>
    <w:rsid w:val="45016FAA"/>
    <w:rsid w:val="4618FD03"/>
    <w:rsid w:val="4620A86D"/>
    <w:rsid w:val="4622D85C"/>
    <w:rsid w:val="4712D873"/>
    <w:rsid w:val="474A893D"/>
    <w:rsid w:val="474D4BC4"/>
    <w:rsid w:val="49BCD0BA"/>
    <w:rsid w:val="49BF3CE5"/>
    <w:rsid w:val="4A8B7456"/>
    <w:rsid w:val="4B03C692"/>
    <w:rsid w:val="4BFEA68F"/>
    <w:rsid w:val="4C43FBED"/>
    <w:rsid w:val="4E95A199"/>
    <w:rsid w:val="4EA1062C"/>
    <w:rsid w:val="4EBB2FC8"/>
    <w:rsid w:val="4F585DA9"/>
    <w:rsid w:val="4F5B038A"/>
    <w:rsid w:val="4F8950DC"/>
    <w:rsid w:val="4FBE227F"/>
    <w:rsid w:val="4FFB4693"/>
    <w:rsid w:val="50269885"/>
    <w:rsid w:val="50AD9986"/>
    <w:rsid w:val="50FE9549"/>
    <w:rsid w:val="5112BDBB"/>
    <w:rsid w:val="5176A847"/>
    <w:rsid w:val="52143A61"/>
    <w:rsid w:val="52BA0C79"/>
    <w:rsid w:val="534A8AA3"/>
    <w:rsid w:val="53625E91"/>
    <w:rsid w:val="5485EC0C"/>
    <w:rsid w:val="5494B9CB"/>
    <w:rsid w:val="54F66E74"/>
    <w:rsid w:val="562B9AAC"/>
    <w:rsid w:val="56373DF0"/>
    <w:rsid w:val="574784AA"/>
    <w:rsid w:val="57642CD1"/>
    <w:rsid w:val="5768908F"/>
    <w:rsid w:val="57A309BD"/>
    <w:rsid w:val="580FE81D"/>
    <w:rsid w:val="5839BD83"/>
    <w:rsid w:val="583B479D"/>
    <w:rsid w:val="58EE43CD"/>
    <w:rsid w:val="592247C0"/>
    <w:rsid w:val="5A207B36"/>
    <w:rsid w:val="5AE06323"/>
    <w:rsid w:val="5BA1F887"/>
    <w:rsid w:val="5BE44558"/>
    <w:rsid w:val="5C739F91"/>
    <w:rsid w:val="5D53DA4C"/>
    <w:rsid w:val="5D5FE955"/>
    <w:rsid w:val="5DB6C62E"/>
    <w:rsid w:val="5DDA022E"/>
    <w:rsid w:val="5E3313AF"/>
    <w:rsid w:val="5E8439E3"/>
    <w:rsid w:val="5EB28D69"/>
    <w:rsid w:val="5ED2CBB1"/>
    <w:rsid w:val="5F101FF7"/>
    <w:rsid w:val="5F4A1E1F"/>
    <w:rsid w:val="604B9663"/>
    <w:rsid w:val="61E229E3"/>
    <w:rsid w:val="61EC735B"/>
    <w:rsid w:val="62530F07"/>
    <w:rsid w:val="625EB9BE"/>
    <w:rsid w:val="626BFCAD"/>
    <w:rsid w:val="645AF3AC"/>
    <w:rsid w:val="6479D8F7"/>
    <w:rsid w:val="647EAD83"/>
    <w:rsid w:val="6487A0A6"/>
    <w:rsid w:val="64C9BC56"/>
    <w:rsid w:val="65D2EB7F"/>
    <w:rsid w:val="65D91877"/>
    <w:rsid w:val="664BE9D8"/>
    <w:rsid w:val="66E5B42C"/>
    <w:rsid w:val="678C8289"/>
    <w:rsid w:val="6919A95B"/>
    <w:rsid w:val="69460F65"/>
    <w:rsid w:val="69BF82B4"/>
    <w:rsid w:val="6A1CEB2D"/>
    <w:rsid w:val="6A950CAF"/>
    <w:rsid w:val="6B11563C"/>
    <w:rsid w:val="6B73ADD8"/>
    <w:rsid w:val="6BD04452"/>
    <w:rsid w:val="6C503641"/>
    <w:rsid w:val="6CBA15F5"/>
    <w:rsid w:val="6D4ED995"/>
    <w:rsid w:val="6DCF8FD9"/>
    <w:rsid w:val="6EC89073"/>
    <w:rsid w:val="6F39F76A"/>
    <w:rsid w:val="6F8BCD63"/>
    <w:rsid w:val="6FF9640A"/>
    <w:rsid w:val="706A3AEC"/>
    <w:rsid w:val="7091B5B7"/>
    <w:rsid w:val="70E145C4"/>
    <w:rsid w:val="70FE9554"/>
    <w:rsid w:val="710C7840"/>
    <w:rsid w:val="72A788C3"/>
    <w:rsid w:val="731C3F2F"/>
    <w:rsid w:val="739C0B94"/>
    <w:rsid w:val="745D3D7A"/>
    <w:rsid w:val="74E2D824"/>
    <w:rsid w:val="7537D1F7"/>
    <w:rsid w:val="786F7CB7"/>
    <w:rsid w:val="79F224BB"/>
    <w:rsid w:val="7A351022"/>
    <w:rsid w:val="7AE0139A"/>
    <w:rsid w:val="7B64CC6B"/>
    <w:rsid w:val="7B7C8617"/>
    <w:rsid w:val="7B91E4B9"/>
    <w:rsid w:val="7BA71D79"/>
    <w:rsid w:val="7D29C57D"/>
    <w:rsid w:val="7D9235D8"/>
    <w:rsid w:val="7E003C99"/>
    <w:rsid w:val="7E185D71"/>
    <w:rsid w:val="7E452E08"/>
    <w:rsid w:val="7E88BB1A"/>
    <w:rsid w:val="7EBB635C"/>
    <w:rsid w:val="7EC85865"/>
    <w:rsid w:val="7ED97696"/>
    <w:rsid w:val="7F623E0C"/>
    <w:rsid w:val="7FB42DD2"/>
    <w:rsid w:val="7FEAAA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0241" fillcolor="white" stroke="f">
      <v:fill color="white"/>
      <v:stroke on="f"/>
    </o:shapedefaults>
    <o:shapelayout v:ext="edit">
      <o:idmap v:ext="edit" data="1"/>
    </o:shapelayout>
  </w:shapeDefaults>
  <w:decimalSymbol w:val="."/>
  <w:listSeparator w:val=","/>
  <w14:docId w14:val="4EA56AD2"/>
  <w15:docId w15:val="{CB88CAC3-00FB-4D97-9D05-4E8A8E9D3BF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新細明體" w:hAnsi="Calibri" w:cs="Times New Roman"/>
        <w:lang w:val="en-US" w:eastAsia="zh-TW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8F581C"/>
    <w:pPr>
      <w:widowControl w:val="0"/>
    </w:pPr>
    <w:rPr>
      <w:kern w:val="2"/>
      <w:sz w:val="24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F715D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-3">
    <w:name w:val="Light Shading Accent 3"/>
    <w:basedOn w:val="a1"/>
    <w:uiPriority w:val="60"/>
    <w:rsid w:val="00F715D6"/>
    <w:rPr>
      <w:color w:val="76923C"/>
    </w:rPr>
    <w:tblPr>
      <w:tblStyleRowBandSize w:val="1"/>
      <w:tblStyleColBandSize w:val="1"/>
      <w:tblBorders>
        <w:top w:val="single" w:sz="8" w:space="0" w:color="9BBB59"/>
        <w:bottom w:val="single" w:sz="8" w:space="0" w:color="9BBB59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/>
          <w:left w:val="nil"/>
          <w:bottom w:val="single" w:sz="8" w:space="0" w:color="9BBB59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/>
          <w:left w:val="nil"/>
          <w:bottom w:val="single" w:sz="8" w:space="0" w:color="9BBB59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6EED5"/>
      </w:tcPr>
    </w:tblStylePr>
  </w:style>
  <w:style w:type="table" w:styleId="3-6">
    <w:name w:val="Medium Grid 3 Accent 6"/>
    <w:basedOn w:val="a1"/>
    <w:uiPriority w:val="69"/>
    <w:rsid w:val="00F715D6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FDE4D0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F79646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F79646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F79646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F79646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FBCAA2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FBCAA2"/>
      </w:tcPr>
    </w:tblStylePr>
  </w:style>
  <w:style w:type="paragraph" w:styleId="a4">
    <w:name w:val="Balloon Text"/>
    <w:basedOn w:val="a"/>
    <w:link w:val="a5"/>
    <w:uiPriority w:val="99"/>
    <w:semiHidden/>
    <w:unhideWhenUsed/>
    <w:rsid w:val="00875D6F"/>
    <w:rPr>
      <w:rFonts w:ascii="Cambria" w:hAnsi="Cambria"/>
      <w:kern w:val="0"/>
      <w:sz w:val="18"/>
      <w:szCs w:val="18"/>
      <w:lang w:val="x-none" w:eastAsia="x-none"/>
    </w:rPr>
  </w:style>
  <w:style w:type="character" w:customStyle="1" w:styleId="a5">
    <w:name w:val="註解方塊文字 字元"/>
    <w:link w:val="a4"/>
    <w:uiPriority w:val="99"/>
    <w:semiHidden/>
    <w:rsid w:val="00875D6F"/>
    <w:rPr>
      <w:rFonts w:ascii="Cambria" w:eastAsia="新細明體" w:hAnsi="Cambria" w:cs="Times New Roman"/>
      <w:sz w:val="18"/>
      <w:szCs w:val="18"/>
    </w:rPr>
  </w:style>
  <w:style w:type="paragraph" w:styleId="a6">
    <w:name w:val="List Paragraph"/>
    <w:basedOn w:val="a"/>
    <w:uiPriority w:val="34"/>
    <w:qFormat/>
    <w:rsid w:val="00875D6F"/>
    <w:pPr>
      <w:ind w:leftChars="200" w:left="480"/>
    </w:pPr>
  </w:style>
  <w:style w:type="paragraph" w:styleId="a7">
    <w:name w:val="header"/>
    <w:basedOn w:val="a"/>
    <w:link w:val="a8"/>
    <w:uiPriority w:val="99"/>
    <w:unhideWhenUsed/>
    <w:rsid w:val="00FF4828"/>
    <w:pPr>
      <w:tabs>
        <w:tab w:val="center" w:pos="4153"/>
        <w:tab w:val="right" w:pos="8306"/>
      </w:tabs>
      <w:snapToGrid w:val="0"/>
    </w:pPr>
    <w:rPr>
      <w:kern w:val="0"/>
      <w:sz w:val="20"/>
      <w:szCs w:val="20"/>
      <w:lang w:val="x-none" w:eastAsia="x-none"/>
    </w:rPr>
  </w:style>
  <w:style w:type="character" w:customStyle="1" w:styleId="a8">
    <w:name w:val="頁首 字元"/>
    <w:link w:val="a7"/>
    <w:uiPriority w:val="99"/>
    <w:rsid w:val="00FF4828"/>
    <w:rPr>
      <w:sz w:val="20"/>
      <w:szCs w:val="20"/>
    </w:rPr>
  </w:style>
  <w:style w:type="paragraph" w:styleId="a9">
    <w:name w:val="footer"/>
    <w:basedOn w:val="a"/>
    <w:link w:val="aa"/>
    <w:uiPriority w:val="99"/>
    <w:unhideWhenUsed/>
    <w:rsid w:val="00FF4828"/>
    <w:pPr>
      <w:tabs>
        <w:tab w:val="center" w:pos="4153"/>
        <w:tab w:val="right" w:pos="8306"/>
      </w:tabs>
      <w:snapToGrid w:val="0"/>
    </w:pPr>
    <w:rPr>
      <w:kern w:val="0"/>
      <w:sz w:val="20"/>
      <w:szCs w:val="20"/>
      <w:lang w:val="x-none" w:eastAsia="x-none"/>
    </w:rPr>
  </w:style>
  <w:style w:type="character" w:customStyle="1" w:styleId="aa">
    <w:name w:val="頁尾 字元"/>
    <w:link w:val="a9"/>
    <w:uiPriority w:val="99"/>
    <w:rsid w:val="00FF4828"/>
    <w:rPr>
      <w:sz w:val="20"/>
      <w:szCs w:val="20"/>
    </w:rPr>
  </w:style>
  <w:style w:type="character" w:styleId="ab">
    <w:name w:val="Placeholder Text"/>
    <w:uiPriority w:val="99"/>
    <w:semiHidden/>
    <w:rsid w:val="00B71DA7"/>
    <w:rPr>
      <w:color w:val="808080"/>
    </w:rPr>
  </w:style>
  <w:style w:type="character" w:styleId="ac">
    <w:name w:val="Hyperlink"/>
    <w:uiPriority w:val="99"/>
    <w:unhideWhenUsed/>
    <w:rsid w:val="007F5D6A"/>
    <w:rPr>
      <w:color w:val="0000FF"/>
      <w:u w:val="single"/>
    </w:rPr>
  </w:style>
  <w:style w:type="character" w:styleId="ad">
    <w:name w:val="FollowedHyperlink"/>
    <w:uiPriority w:val="99"/>
    <w:semiHidden/>
    <w:unhideWhenUsed/>
    <w:rsid w:val="008E6C4D"/>
    <w:rPr>
      <w:color w:val="800080"/>
      <w:u w:val="single"/>
    </w:rPr>
  </w:style>
  <w:style w:type="paragraph" w:styleId="ae">
    <w:name w:val="No Spacing"/>
    <w:uiPriority w:val="1"/>
    <w:qFormat/>
    <w:rsid w:val="00781009"/>
    <w:pPr>
      <w:widowControl w:val="0"/>
    </w:pPr>
    <w:rPr>
      <w:kern w:val="2"/>
      <w:sz w:val="24"/>
      <w:szCs w:val="22"/>
    </w:rPr>
  </w:style>
  <w:style w:type="character" w:styleId="af">
    <w:name w:val="annotation reference"/>
    <w:uiPriority w:val="99"/>
    <w:semiHidden/>
    <w:unhideWhenUsed/>
    <w:rsid w:val="00785C08"/>
    <w:rPr>
      <w:sz w:val="18"/>
      <w:szCs w:val="18"/>
    </w:rPr>
  </w:style>
  <w:style w:type="paragraph" w:styleId="af0">
    <w:name w:val="annotation text"/>
    <w:basedOn w:val="a"/>
    <w:link w:val="af1"/>
    <w:uiPriority w:val="99"/>
    <w:unhideWhenUsed/>
    <w:rsid w:val="00785C08"/>
    <w:rPr>
      <w:lang w:val="x-none" w:eastAsia="x-none"/>
    </w:rPr>
  </w:style>
  <w:style w:type="character" w:customStyle="1" w:styleId="af1">
    <w:name w:val="註解文字 字元"/>
    <w:link w:val="af0"/>
    <w:uiPriority w:val="99"/>
    <w:rsid w:val="00785C08"/>
    <w:rPr>
      <w:kern w:val="2"/>
      <w:sz w:val="24"/>
      <w:szCs w:val="22"/>
    </w:rPr>
  </w:style>
  <w:style w:type="paragraph" w:styleId="af2">
    <w:name w:val="annotation subject"/>
    <w:basedOn w:val="af0"/>
    <w:next w:val="af0"/>
    <w:link w:val="af3"/>
    <w:uiPriority w:val="99"/>
    <w:semiHidden/>
    <w:unhideWhenUsed/>
    <w:rsid w:val="00785C08"/>
    <w:rPr>
      <w:b/>
      <w:bCs/>
    </w:rPr>
  </w:style>
  <w:style w:type="character" w:customStyle="1" w:styleId="af3">
    <w:name w:val="註解主旨 字元"/>
    <w:link w:val="af2"/>
    <w:uiPriority w:val="99"/>
    <w:semiHidden/>
    <w:rsid w:val="00785C08"/>
    <w:rPr>
      <w:b/>
      <w:bCs/>
      <w:kern w:val="2"/>
      <w:sz w:val="24"/>
      <w:szCs w:val="22"/>
    </w:rPr>
  </w:style>
  <w:style w:type="paragraph" w:styleId="af4">
    <w:name w:val="caption"/>
    <w:basedOn w:val="a"/>
    <w:next w:val="a"/>
    <w:uiPriority w:val="35"/>
    <w:semiHidden/>
    <w:unhideWhenUsed/>
    <w:qFormat/>
    <w:rsid w:val="00D71C6B"/>
    <w:rPr>
      <w:sz w:val="20"/>
      <w:szCs w:val="20"/>
    </w:rPr>
  </w:style>
  <w:style w:type="paragraph" w:styleId="af5">
    <w:name w:val="Revision"/>
    <w:hidden/>
    <w:uiPriority w:val="99"/>
    <w:semiHidden/>
    <w:rsid w:val="002C24EE"/>
    <w:rPr>
      <w:kern w:val="2"/>
      <w:sz w:val="24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g"/><Relationship Id="rId13" Type="http://schemas.openxmlformats.org/officeDocument/2006/relationships/hyperlink" Target="https://goo.gl/e54ypT" TargetMode="External"/><Relationship Id="rId18" Type="http://schemas.openxmlformats.org/officeDocument/2006/relationships/hyperlink" Target="https://goo.gl/WgtBmK" TargetMode="External"/><Relationship Id="rId26" Type="http://schemas.openxmlformats.org/officeDocument/2006/relationships/header" Target="header2.xml"/><Relationship Id="rId3" Type="http://schemas.openxmlformats.org/officeDocument/2006/relationships/styles" Target="styles.xml"/><Relationship Id="rId21" Type="http://schemas.openxmlformats.org/officeDocument/2006/relationships/hyperlink" Target="https://goo.gl/FifvZ2" TargetMode="External"/><Relationship Id="rId7" Type="http://schemas.openxmlformats.org/officeDocument/2006/relationships/endnotes" Target="endnotes.xml"/><Relationship Id="rId12" Type="http://schemas.openxmlformats.org/officeDocument/2006/relationships/image" Target="media/image4.png"/><Relationship Id="rId17" Type="http://schemas.openxmlformats.org/officeDocument/2006/relationships/image" Target="media/image7.png"/><Relationship Id="rId25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yperlink" Target="https://goo.gl/KPTj1Q" TargetMode="External"/><Relationship Id="rId20" Type="http://schemas.openxmlformats.org/officeDocument/2006/relationships/image" Target="media/image8.png"/><Relationship Id="rId29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png"/><Relationship Id="rId24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image" Target="media/image6.png"/><Relationship Id="rId23" Type="http://schemas.openxmlformats.org/officeDocument/2006/relationships/hyperlink" Target="mailto:afhk@hkcss.org.hk" TargetMode="External"/><Relationship Id="rId28" Type="http://schemas.openxmlformats.org/officeDocument/2006/relationships/fontTable" Target="fontTable.xml"/><Relationship Id="rId10" Type="http://schemas.openxmlformats.org/officeDocument/2006/relationships/hyperlink" Target="http://goo.gl/TGU1E6" TargetMode="External"/><Relationship Id="rId19" Type="http://schemas.openxmlformats.org/officeDocument/2006/relationships/hyperlink" Target="https://goo.gl/htqTKA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5.png"/><Relationship Id="rId22" Type="http://schemas.openxmlformats.org/officeDocument/2006/relationships/image" Target="media/image9.png"/><Relationship Id="rId27" Type="http://schemas.openxmlformats.org/officeDocument/2006/relationships/footer" Target="footer2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11.jpg"/><Relationship Id="rId1" Type="http://schemas.openxmlformats.org/officeDocument/2006/relationships/image" Target="media/image10.jp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11.jpg"/><Relationship Id="rId1" Type="http://schemas.openxmlformats.org/officeDocument/2006/relationships/image" Target="media/image10.jp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78B5E81A-26E3-48E2-99EF-BDDA940B060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</TotalTime>
  <Pages>15</Pages>
  <Words>1127</Words>
  <Characters>6429</Characters>
  <Application>Microsoft Office Word</Application>
  <DocSecurity>0</DocSecurity>
  <Lines>53</Lines>
  <Paragraphs>15</Paragraphs>
  <ScaleCrop>false</ScaleCrop>
  <Company>Hewlett-Packard Company</Company>
  <LinksUpToDate>false</LinksUpToDate>
  <CharactersWithSpaces>75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715</dc:creator>
  <cp:lastModifiedBy>Eddie CHEUNG</cp:lastModifiedBy>
  <cp:revision>7</cp:revision>
  <cp:lastPrinted>2020-10-05T04:27:00Z</cp:lastPrinted>
  <dcterms:created xsi:type="dcterms:W3CDTF">2022-04-07T00:22:00Z</dcterms:created>
  <dcterms:modified xsi:type="dcterms:W3CDTF">2022-07-29T01:21:00Z</dcterms:modified>
</cp:coreProperties>
</file>